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6130"/>
  <workbookPr/>
  <mc:AlternateContent xmlns:mc="http://schemas.openxmlformats.org/markup-compatibility/2006">
    <mc:Choice Requires="x15">
      <x15ac:absPath xmlns:x15ac="http://schemas.microsoft.com/office/spreadsheetml/2010/11/ac" url="C:\Users\vaishnsharma\Downloads\"/>
    </mc:Choice>
  </mc:AlternateContent>
  <xr:revisionPtr revIDLastSave="0" documentId="13_ncr:1_{A2B8FFB4-06B0-4552-9E50-D512E50F2031}" xr6:coauthVersionLast="47" xr6:coauthVersionMax="47" xr10:uidLastSave="{00000000-0000-0000-0000-000000000000}"/>
  <bookViews>
    <workbookView xWindow="-120" yWindow="-120" windowWidth="27885" windowHeight="16440" xr2:uid="{00000000-000D-0000-FFFF-FFFF00000000}"/>
  </bookViews>
  <sheets>
    <sheet name="Cover" sheetId="1" r:id="rId1"/>
    <sheet name="Functional Assessment Criteria" sheetId="2" r:id="rId2"/>
    <sheet name="Migration Assessment Criteria" sheetId="4" r:id="rId3"/>
    <sheet name="NFR Assessment Criteria" sheetId="3" r:id="rId4"/>
  </sheets>
  <definedNames>
    <definedName name="_xlnm._FilterDatabase" localSheetId="1" hidden="1">'Functional Assessment Criteria'!$A$3:$K$369</definedName>
    <definedName name="_xlnm._FilterDatabase" localSheetId="2" hidden="1">'Migration Assessment Criteria'!$A$3:$I$115</definedName>
    <definedName name="_xlnm._FilterDatabase" localSheetId="3" hidden="1">'NFR Assessment Criteria'!$A$3:$J$40</definedName>
    <definedName name="_ftn1" localSheetId="0">Cover!$A$21</definedName>
    <definedName name="_ftnref1" localSheetId="0">Cover!$A$9</definedName>
  </definedNames>
  <calcPr calcId="162913"/>
  <extLst>
    <ext xmlns:x15="http://schemas.microsoft.com/office/spreadsheetml/2010/11/main" uri="{140A7094-0E35-4892-8432-C4D2E57EDEB5}">
      <x15:workbookPr chartTrackingRefBase="1"/>
    </ext>
  </extLst>
</workbook>
</file>

<file path=xl/sharedStrings.xml><?xml version="1.0" encoding="utf-8"?>
<sst xmlns="http://schemas.openxmlformats.org/spreadsheetml/2006/main" count="2261" uniqueCount="1150">
  <si>
    <t>Market Role</t>
  </si>
  <si>
    <t>NFR Category</t>
  </si>
  <si>
    <t>NFR Sub-Category</t>
  </si>
  <si>
    <t>NFR Reference</t>
  </si>
  <si>
    <t>NFR Title</t>
  </si>
  <si>
    <t>NFR Description</t>
  </si>
  <si>
    <t>QAD Question</t>
  </si>
  <si>
    <t>PIT Evidence</t>
  </si>
  <si>
    <t>SIT / Qualification Testing Evidence</t>
  </si>
  <si>
    <t>Recommended Test Type</t>
  </si>
  <si>
    <t>All</t>
  </si>
  <si>
    <t>Compatibility</t>
  </si>
  <si>
    <t>Interoperability</t>
  </si>
  <si>
    <t>E2E0014</t>
  </si>
  <si>
    <t>Messaging Interfaces</t>
  </si>
  <si>
    <t>All services shall send and receive messages for all DIP interfaces and publications via the API definitions in the MHHS Swagger documentation (E2E003)</t>
  </si>
  <si>
    <t>P</t>
  </si>
  <si>
    <t>Demonstrated through Functional Testing.</t>
  </si>
  <si>
    <t>E2E0108</t>
  </si>
  <si>
    <t>Message Validation (Level 1)</t>
  </si>
  <si>
    <t>All services shall interpret the http response code to determine the outcome of DIP validation level 1 for each message sent referenced by Sender Unique Reference &amp; Transaction Id</t>
  </si>
  <si>
    <t>Demonstrated through Non-Functional Testing.</t>
  </si>
  <si>
    <t>E2E0109</t>
  </si>
  <si>
    <t>Message Validation (Level 2)</t>
  </si>
  <si>
    <t>All services shall connect to the Receive Status Messages webhook DIP to establish the outcome of level 2,3,4 validation with messages referenced by Transaction Id</t>
  </si>
  <si>
    <t>E2E0201</t>
  </si>
  <si>
    <t>Schema validation</t>
  </si>
  <si>
    <t>Services shall undertake Level 3 message validation including structure and the format of individual data fields/elements shall be performed against the appropriate message schema definition of all interface interactions.</t>
  </si>
  <si>
    <t>E2E0207</t>
  </si>
  <si>
    <t>Content Validation</t>
  </si>
  <si>
    <t>Level 4 validation of the message content shall be established during processing by the Recipient and reported back to the Sender via the Send Status Messages API using the corresponding status code</t>
  </si>
  <si>
    <t>E2E0211</t>
  </si>
  <si>
    <t>Message Receipt</t>
  </si>
  <si>
    <t>All messages received by DIP Participant systems shall be initially acknowledged as received in the http response of the API transaction</t>
  </si>
  <si>
    <t>Performance Efficiency</t>
  </si>
  <si>
    <t>Capacity</t>
  </si>
  <si>
    <t>E2E1004</t>
  </si>
  <si>
    <t>Message Throughput</t>
  </si>
  <si>
    <t>E2E1005</t>
  </si>
  <si>
    <t>Message Throughput (Secure Active)</t>
  </si>
  <si>
    <t>E2E1006</t>
  </si>
  <si>
    <t>Message Channel Scalability</t>
  </si>
  <si>
    <t>All services shall be designed to cope with an increase in message volumes of 25% over 5 years</t>
  </si>
  <si>
    <t>E2E1007</t>
  </si>
  <si>
    <t>Message Throughput (Transition)</t>
  </si>
  <si>
    <t>Resource Utilisation</t>
  </si>
  <si>
    <t>E2E0208</t>
  </si>
  <si>
    <t>Participant Message/Event Consumption</t>
  </si>
  <si>
    <t>DIP Participants shall be able to process messages at their own speed, independently to other consumers</t>
  </si>
  <si>
    <t>E2E1008</t>
  </si>
  <si>
    <t>Message Pattern B Payloads</t>
  </si>
  <si>
    <t>Services sending messages via the 'Pattern B' model shall provide a publicly available (or using a Federated Identity Management (FIM) capability) URI location that other Services/ Market Participants can access and download content</t>
  </si>
  <si>
    <t>Time behaviour</t>
  </si>
  <si>
    <t>E2E0101</t>
  </si>
  <si>
    <t>API Message Capacity</t>
  </si>
  <si>
    <t>All services shall have the capability to control the number of messages that are sent within a single API call</t>
  </si>
  <si>
    <t>E2E1003</t>
  </si>
  <si>
    <t>Level 3 Processing Times (synchronous)</t>
  </si>
  <si>
    <t>E2E1009</t>
  </si>
  <si>
    <t>Level 4 Processing Times (Asynchronous)</t>
  </si>
  <si>
    <t>Reliability</t>
  </si>
  <si>
    <t>Availability</t>
  </si>
  <si>
    <t>E2E0105</t>
  </si>
  <si>
    <t>Participant Back Off &amp; Retry</t>
  </si>
  <si>
    <t>Each service after invoking a DIP API shall implement an exponential backoff and retry with jitter policy in the event of a comms failure with the DIP resulting from a http 429 response</t>
  </si>
  <si>
    <t>E2E0106</t>
  </si>
  <si>
    <t>Message/Event Buffering</t>
  </si>
  <si>
    <t>In the event of a failure to communicate with the DIP, the Service shall be able to buffer messages for a period of at least 72 hours</t>
  </si>
  <si>
    <t>E2E0206</t>
  </si>
  <si>
    <t>Message/Event Receipt</t>
  </si>
  <si>
    <t>In the event of a failure to communicate with the DIP, Participant systems shall be able to buffer messages for a period of at least 72 hours</t>
  </si>
  <si>
    <t>E2E0402</t>
  </si>
  <si>
    <t>Participant Downtime</t>
  </si>
  <si>
    <t>When participant systems/services are unavailable from both unplanned and planned outages the outage shall be communicated to the DIP via e-mail or via the DIP portal **TBC once DIP governance procedures are available**</t>
  </si>
  <si>
    <t>Non-Testable so covered through self-declaration as part of QAD.</t>
  </si>
  <si>
    <t>E2E1001</t>
  </si>
  <si>
    <t>Service Availability</t>
  </si>
  <si>
    <t>All services (those components that physically interface with the DIP, i.e. send and receive messages), unless explicitly defined, shall have an availability of 98% outside planned outage periods</t>
  </si>
  <si>
    <t>Unplanned Outages</t>
  </si>
  <si>
    <t>All services (involved in BP affecting the Secured Active process), shall not plan outages within the Secured Active processing window</t>
  </si>
  <si>
    <t>Fault Tolerance</t>
  </si>
  <si>
    <t>E2E0204</t>
  </si>
  <si>
    <t>Participant Idempotency (SUR)</t>
  </si>
  <si>
    <t>Participant systems shall check for duplicate messages with the same SUR under Level 3 or Level 4 validation</t>
  </si>
  <si>
    <t>E2E0205</t>
  </si>
  <si>
    <t>Participant Idempotency (Transaction Id)</t>
  </si>
  <si>
    <t>Participant systems shall check for duplicate messages with the same Transaction Id under Level 3 or Level 4 validation</t>
  </si>
  <si>
    <t>E2E0210</t>
  </si>
  <si>
    <t>Participant Idempotency</t>
  </si>
  <si>
    <t xml:space="preserve">In terms of handling messages all participant systems shall be idempotent and have mechanism for handling duplicate messages  </t>
  </si>
  <si>
    <t>Maturity</t>
  </si>
  <si>
    <t>E2E0401</t>
  </si>
  <si>
    <t>Participant Software/Systems</t>
  </si>
  <si>
    <t>Participants shall maintain all DIP facing systems so that all operating system, programming languages and their runtime libraries are at minimum supported versions from their respective vendors</t>
  </si>
  <si>
    <t>E2E0404</t>
  </si>
  <si>
    <t>Participants shall maintain all DIP facing systems so that all operating system, programming languages and their runtime libraries are at recommended supported versions from their respective vendors</t>
  </si>
  <si>
    <t>Recoverability</t>
  </si>
  <si>
    <t>E2E0011</t>
  </si>
  <si>
    <t>Data Loss</t>
  </si>
  <si>
    <t xml:space="preserve">There shall be no data loss in the event of a single component failing </t>
  </si>
  <si>
    <t>E2E0403</t>
  </si>
  <si>
    <t>Participant Data Retention</t>
  </si>
  <si>
    <t>Participant systems shall maintain an archive of all transactional data for 24 months</t>
  </si>
  <si>
    <t>E2E1002</t>
  </si>
  <si>
    <t>Service Recovery</t>
  </si>
  <si>
    <t>In the event of an unplanned outage, each service shall be able to resume operation within 1 hour.</t>
  </si>
  <si>
    <t>Security</t>
  </si>
  <si>
    <t>Accountability</t>
  </si>
  <si>
    <t>E2E0012</t>
  </si>
  <si>
    <t>Instance Separation</t>
  </si>
  <si>
    <t>DIP Participants shall ensure measures are put in place to ensure separation of production and non-production environments</t>
  </si>
  <si>
    <t>Authenticity</t>
  </si>
  <si>
    <t>E2E0103</t>
  </si>
  <si>
    <t>Signing Messages</t>
  </si>
  <si>
    <t xml:space="preserve">All Services shall digitally sign messages </t>
  </si>
  <si>
    <t>E2E0202</t>
  </si>
  <si>
    <t>All services shall check that messages are digitally signed with the correct certificate from the Sender of the message</t>
  </si>
  <si>
    <t>Non-repudiation</t>
  </si>
  <si>
    <t>E2E0102</t>
  </si>
  <si>
    <t>Sender Unique Reference</t>
  </si>
  <si>
    <t>All Services shall generate a Sender Unique Reference (SUR) for each message/event</t>
  </si>
  <si>
    <t>E2E0104</t>
  </si>
  <si>
    <t>Sender Unique Reference/ Transaction Id</t>
  </si>
  <si>
    <t>All Services shall use DIP generated Transaction Ids returned in the response body of the API transaction to map against messages for audit and tracking purposes</t>
  </si>
  <si>
    <t>E2E0107</t>
  </si>
  <si>
    <t>When sending messages all services shall use the http response of the API transaction to establish whether a message has been received by the DIP</t>
  </si>
  <si>
    <t>E2E0209</t>
  </si>
  <si>
    <t>Message/Event Replay Response</t>
  </si>
  <si>
    <t>DIP Participants shall put in measures to differentiate the processing of replayed messages c.f. original messages</t>
  </si>
  <si>
    <t>Usability</t>
  </si>
  <si>
    <t>Operability</t>
  </si>
  <si>
    <t>E2E0203</t>
  </si>
  <si>
    <t>Error Reporting</t>
  </si>
  <si>
    <t>When Level 3 validation fails, e.g. when payload contents cannot be reconciled (schema validation), a response with the corresponding error code shall be reported back to the DIP via the http response in the webhook call-back</t>
  </si>
  <si>
    <t>All Services (see exceptions) shall have capacity to process the following volumes of messages:
- average daily volume of 66,000
- peak daily volume of 300,000
- average hourly volume of 2,750
- peak hourly volume of 35,000
- annual volume of 24M</t>
  </si>
  <si>
    <t>All Services (unless explicitly referenced below) shall have capacity to process the following volumes of messages:
- peak daily volume of 300,000 2,100,000 * portfolio coefficient
- peak hourly volume of 300,000 2,100,000 * portfolio coefficient
- annual volume of 110M * portfolio coefficient</t>
  </si>
  <si>
    <t>During transition all meter points (ca. 31M) will be transition between the old and new services. Therefore, assuming a linear migration over the year this would result in the load below, hence services shall be capable of processing the following volumes:
- average daily volume of 680,000
- peak daily volume of 2.4M 5.0M
- annual volume of 248M 500M</t>
  </si>
  <si>
    <t>All Services shall provide an initial synchronous response (Level 3 validation) to a message within the following timeframes:
- up to average hourly volume, mean response time of 2s or less
- up to average hourly volume, 90th percentile response time of 4s or less
- from average hourly to peak hourly volume, mean response time of 5s or less
- from average hourly to peak hourly volume, 90th percentile response time of 8s or less</t>
  </si>
  <si>
    <t>All Services shall provide an asynchronous response (Level 4 validation) to a message within the following timeframes
- up to average hourly volume, mean response time of 6s or less
- up to average hourly volume, 90th percentile response time of 12s or less
- from average hourly to peak hourly volume, mean response time of 10s or less
- from average hourly to peak hourly volume, 90th percentile response time of 16s or less</t>
  </si>
  <si>
    <t>The following assessment criteria is based on MHHS-DEL974 Migration Design Requirements Log v1.0.</t>
  </si>
  <si>
    <t>The following REC Assessment Criteria is based on MHHS-DEL2128 NFR Categorisation v2.0.</t>
  </si>
  <si>
    <t xml:space="preserve">The following REC Assessment Criteria is based on:
 - MHHSP-BRS002 Metering Services Requirements v5.5  
 - MHHSP-BRS003 Registration Services Requirements v5.4  
 - MHHSP-BRS004 Supplier Overview Requirements v5.2  
 - MHHSP-BRS005 LDSO Overview Requirements v5.2  </t>
  </si>
  <si>
    <t>MHHS-BR-LD-002</t>
  </si>
  <si>
    <t>LDSO must obtain Metering Service de-appointments via the appropriate interface on the Data Integration Platform and maintain records accordingly. In the case where Related MPANs or Import/Export linked meters exist, LDSO should expect to receive de-appointment notifications for all the MPANs in the Related MPAN or Import/Export group.</t>
  </si>
  <si>
    <t>MHHS-BR-LD-003</t>
  </si>
  <si>
    <t>LDSO must obtain Metering Service notification updates via the appropriate interface on the Data Integration Platform, maintain records accordingly and investigate any discrepancies with data received from the Metering Service via the DTN. In the case where Related MPANs or Import/Export linked meters exist, LDSO should expect to receive appointment notifications for all the MPANs in the Related MPAN or Import/Export group.</t>
  </si>
  <si>
    <t>MHHS-BR-LD-021</t>
  </si>
  <si>
    <t>LDSO must obtain Service Provider de-appointment notifications via the appropriate interface on the Data Integration Platform and maintain records accordingly.</t>
  </si>
  <si>
    <t>MEM Appointment – DNO requires MEM details to support metering activities</t>
  </si>
  <si>
    <t xml:space="preserve">Area </t>
  </si>
  <si>
    <t>Retails Risks</t>
  </si>
  <si>
    <r>
      <t>Risk Rating for MHHS Qualification</t>
    </r>
    <r>
      <rPr>
        <sz val="10"/>
        <color rgb="FFFFFFFF"/>
        <rFont val="Arial"/>
        <family val="2"/>
      </rPr>
      <t> </t>
    </r>
  </si>
  <si>
    <t>Rationale of Risk Rating</t>
  </si>
  <si>
    <t>PIT evidence</t>
  </si>
  <si>
    <t>SIT / Qualification Test Scenario</t>
  </si>
  <si>
    <t>Further comments on coverage during Qualification</t>
  </si>
  <si>
    <t>DNO</t>
  </si>
  <si>
    <t>Retail Risk 7: Inaccurate meter point master data results in errors that impact consumers.</t>
  </si>
  <si>
    <t>Low</t>
  </si>
  <si>
    <t>Existing requirement – MHHS change is limited to the use of the DIP (IF036 / IF037)</t>
  </si>
  <si>
    <t>DNO can check MEM details via the EES.</t>
  </si>
  <si>
    <t>QAD question to determine whether the DNO is amending existing systems / processes.</t>
  </si>
  <si>
    <t>PIT evidence demonstrating how the DNO maintains MEM appointment data</t>
  </si>
  <si>
    <t>Where the DNO is using the DIP, the Code Manager will require evidence of coverage of the DIP Interface within Qualification Testing.</t>
  </si>
  <si>
    <t xml:space="preserve">Energisation Status Details - DNOs requires details of energisation status change and associated reads </t>
  </si>
  <si>
    <t>MHHS-BR-LD-024</t>
  </si>
  <si>
    <t>LDSO must obtain updates on Change of Energisation status via the appropriate interface on the Data Integration Platform and maintain records accordingly.</t>
  </si>
  <si>
    <t>Existing requirement – MHHS change is limited to the use of the DIP (IF008, IF041) and receipt of data from Data Service (D0010).</t>
  </si>
  <si>
    <t>DNO can check energisation status via the EES.</t>
  </si>
  <si>
    <t>PIT evidence demonstrating how the DNO maintains Energisation Status data.</t>
  </si>
  <si>
    <t>MHHS-BR-LD-025</t>
  </si>
  <si>
    <t>LDSO must receive Change of Energisation cumulative reads sent by the Metering Service via the appropriate interface and maintain records accordingly.</t>
  </si>
  <si>
    <t>MHHS-BR-LD-026</t>
  </si>
  <si>
    <t>LDSO must receive Change of Energisation register reads from the Data Service via the appropriate interface and maintain records accordingly.</t>
  </si>
  <si>
    <t>DNO Change of Energisation Status – DNO requirements to take and share reads when they change the energisation status</t>
  </si>
  <si>
    <t>MHHS-BR-LD-022</t>
  </si>
  <si>
    <t>LDSO must be able to receive a Change of Energisation status request via the appropriate interface.</t>
  </si>
  <si>
    <t>Existing requirement – MHHS change is limited to the new market roles for MEM DTN messages (D0139 / D0179)</t>
  </si>
  <si>
    <t>QAD question regarding the change required to reflect the new MEM Market Roles within DTN messaging.</t>
  </si>
  <si>
    <t>PIT evidence demonstrating testing completed using the new DTN market roles.</t>
  </si>
  <si>
    <t>No Qualification Testing expected.</t>
  </si>
  <si>
    <t>MHHS-BR-LD-023</t>
  </si>
  <si>
    <t>LDSO must be able to process a Change in Energisation status and provide the outcome and reads, where appropriate, to the Metering Service via the appropriate interface.</t>
  </si>
  <si>
    <t>Maintenance of Meter Technical Details (MTDs)</t>
  </si>
  <si>
    <t>MHHS-BR-LD-027</t>
  </si>
  <si>
    <t>LDSO must, for Advanced Meters, receive the Meter Technical Details, Commissioning Flows and Meter Readings from the Metering Service via the appropriate interfaces and maintain records accordingly.</t>
  </si>
  <si>
    <t>Existing requirement – MHHS change is limited to the use of the DIP (IF006) and receipt of MTDs from MEMs with new Market Roles via the DTN (D0149 / 150 and D0268).</t>
  </si>
  <si>
    <t>DNO can check MTDs via the EES.</t>
  </si>
  <si>
    <t>QAD question to determine whether the DNO is amending existing systems / processes for interactions with the DIP.</t>
  </si>
  <si>
    <t>PIT evidence demonstrating how the DNO maintains MTDs, including tests completed using the new DTN market roles and potentially the DIP Simulator.</t>
  </si>
  <si>
    <t>MHHS-BR-LD-028</t>
  </si>
  <si>
    <t>LDSO must, for Traditional Meters, receive the new Meter Technical Details &amp; register readings from the Metering Service via the appropriate interfaces and maintain records accordingly.</t>
  </si>
  <si>
    <t>MHHS-BR-LD-030</t>
  </si>
  <si>
    <t>LDSO must obtain Change of Metering acceptances via the appropriate interface on the Data Integration Platform and maintain records accordingly</t>
  </si>
  <si>
    <t>MHHS-BR-LD-054</t>
  </si>
  <si>
    <t>LDSO must obtain Change of Metering acceptances, following on site works by the prospective Metering Service for a Change in Market Segment, via the appropriate interface on the Data Integration Platform and maintain records accordingly.</t>
  </si>
  <si>
    <t>Sharing Site Technical Details – DNO required to share details on request from the MEM.</t>
  </si>
  <si>
    <t>MHHS-BR-LD-012.1</t>
  </si>
  <si>
    <t>LDSO must, on receipt of a Metering Service request (D0170), send Site Technical Details to the Metering Service via the appropriate interface</t>
  </si>
  <si>
    <t>Existing requirement – MHHS change is limited to the new market roles for MEM DTN messages (D0170 / D0215) </t>
  </si>
  <si>
    <t>Disconnection – DNO to disconnect metering point and send notifications</t>
  </si>
  <si>
    <t>MHHS-BR-LD-016</t>
  </si>
  <si>
    <t>LDSO must be able to receive a customer disconnection request and carry out the physical disconnection where the request is valid.</t>
  </si>
  <si>
    <t>Existing requirement – MHHS change is limited to receipt of disconnection notification from the SMRS (IF-009)</t>
  </si>
  <si>
    <t>PIT evidence demonstrating how the DNO maintains connection status of metering points.</t>
  </si>
  <si>
    <t>MHHS-BR-LD-017</t>
  </si>
  <si>
    <t>LDSO must be able to receive a disconnection request from the Supplier via the appropriate flow and carry out the physical disconnection where the request is valid.</t>
  </si>
  <si>
    <t>MHHS-BR-LD-018</t>
  </si>
  <si>
    <t>LDSO must update records of any disconnected MPANs and notify the Registration Service on completion of a physical disconnection via an internal flow.</t>
  </si>
  <si>
    <t>MHHS-BR-LD-019</t>
  </si>
  <si>
    <t>LDSO must be able to send a rejection to the Supplier with a rejection reason, where the disconnection request is not valid, via the appropriate interface.</t>
  </si>
  <si>
    <t>MHHS-BR-LD-020</t>
  </si>
  <si>
    <t>LDSO must obtain details of disconnections from the Registration Service via the appropriate interface on the Data Integration Platform.</t>
  </si>
  <si>
    <t>Meter Removal – existing requirements to remove meters e.g. emergencies</t>
  </si>
  <si>
    <t>MHHS-BR-LD-031</t>
  </si>
  <si>
    <t>LDSO must follow existing processes for notifying Suppliers and Metering Services of any LDSO led removal of metering equipment (e.g. Emergencies).</t>
  </si>
  <si>
    <t>Existing requirement – MHHS change is limited to the new market roles for MEM DTN messages (D0010)</t>
  </si>
  <si>
    <t>No Qualification Testing expected.  </t>
  </si>
  <si>
    <t>Address Data – DNOs required to maintain MPL Address</t>
  </si>
  <si>
    <t>MHHS-BR-LD-033</t>
  </si>
  <si>
    <t>LDSO must send notification to the Registration Service of any changes of MPL Address and/or GSP Group ID via internal interface.</t>
  </si>
  <si>
    <t>Retail Risk 6: Inaccurate Address Management data results in errors that impact consumers.</t>
  </si>
  <si>
    <t>Existing requirement – no change for MHHS </t>
  </si>
  <si>
    <t>QAD question to confirm whether any changes have been made to existing systems / processes.</t>
  </si>
  <si>
    <t>Domestic Premise Indicator    / Energy Direction / Metered Status</t>
  </si>
  <si>
    <t>MHHS-BR-RS-034</t>
  </si>
  <si>
    <t>Registration Service must check for any linked Export MPANs when a Metering Service appointment has been confirmed.</t>
  </si>
  <si>
    <t>MHHS change is limited to the use of the DIP (IF018).</t>
  </si>
  <si>
    <t>PIT evidence demonstrating how the DNO maintains Related Metering Point data.</t>
  </si>
  <si>
    <t>MHHS-BR-RS-040</t>
  </si>
  <si>
    <t>Registration Service must hold a history of Metering Service customer direct contract flags against each MPAN. This must consist of the following new data items:</t>
  </si>
  <si>
    <t>Customer Direct Contract Metering Service DIP ID</t>
  </si>
  <si>
    <t>Customer Direct Contract Metering Service Effective To Date.</t>
  </si>
  <si>
    <t>MHHS-BR-RS-043</t>
  </si>
  <si>
    <t>Registration Service must obtain Supplier Service Appointment Requests for a proposed Data Service via the appropriate interface on the Data Integration Platform.</t>
  </si>
  <si>
    <t>Related Metering Points – DNOs required to maintain records</t>
  </si>
  <si>
    <t>MHHS-BR-LD-037</t>
  </si>
  <si>
    <t>LDSO must obtain successful Related MPAN updates, issued by Registration Service on the Data Integration Platform, via the appropriate interface and maintain records accordingly.</t>
  </si>
  <si>
    <t>Existing requirement - MHHS change is limited to the use of the DIP (IF020).</t>
  </si>
  <si>
    <t>Change of Connection Type – limited to coordination with MEM on MTD updates</t>
  </si>
  <si>
    <t>MHHS-BR-LD-047</t>
  </si>
  <si>
    <t>LDSO must receive requests from the Supplier to change the Connection Type via a bilaterally agreed communication method.</t>
  </si>
  <si>
    <t>Existing provisions exist for changing Connection Type – MHHS change relates to operational choreography to ensure any associated change of market segment / change of meter is co-ordinated.</t>
  </si>
  <si>
    <t>QAD question to confirm that the DNO understands the link between this process and wider MEM / Registration Service activities.</t>
  </si>
  <si>
    <t>QAD question requiring evidence that procedure documentation reflects the engagement with MEMs and updating SMRS within [2WDs].</t>
  </si>
  <si>
    <t>No Qualification Testing required for the REC but option to place reliance on BSC testing covering the end to end change of market segment process.</t>
  </si>
  <si>
    <t>MHHS-BR-LD-048</t>
  </si>
  <si>
    <t>LDSO must liaise with the Supplier to agree and confirm a target work date.</t>
  </si>
  <si>
    <t>MHHS-BR-LD-049</t>
  </si>
  <si>
    <t>LDSO must carry out the agreed change of Connection Type site work in line with the Supplier request and on the agreed date.</t>
  </si>
  <si>
    <t>MHHS-BR-LD-050</t>
  </si>
  <si>
    <t>LDSO must notify the Supplier via a bilaterally agreed mechanism, if the Connection Type site work cannot be completed on the agreed date</t>
  </si>
  <si>
    <t>MHHS-BR-LD-051</t>
  </si>
  <si>
    <t>LDSO must notify the Registration Service via internal interface, when the Connection Type has been successfully updated. LDSO should provide the update as quickly as possible, but no later than 2 working days after completion of the work. In the case of Related MPANs the LDSO must update and notify changes for all Secondary MPANs in line with the Connection Type for the Primary MPAN. In the case of linked Import/Export MPANs, the LDSO must update and notify changes for all Export MPANs in line with the Connection Type for the linked Import MPAN.</t>
  </si>
  <si>
    <t>Commissioning – requirement on DNO to share commissioning details</t>
  </si>
  <si>
    <t>Existing requirement – MHHS change is limited to the new market roles for MEM DTN messages (D0383 / D0384)</t>
  </si>
  <si>
    <t>ISD – DNOs required to receive ISD updates</t>
  </si>
  <si>
    <t>MHHS-BR-LD-059</t>
  </si>
  <si>
    <t xml:space="preserve">All Parties must obtain Industry Standing Data (ISD) update notifications via the appropriate interface, and if required take necessary steps to obtain refreshed ISD data, maintain their records accordingly and reference/ utilise ISD as appropriate as part of the service delivery. </t>
  </si>
  <si>
    <t>Various</t>
  </si>
  <si>
    <t>The majority of ISD data required to support retail activities is available within the EES.</t>
  </si>
  <si>
    <t>Potential duplication if this functionality is being tested under the BSC.</t>
  </si>
  <si>
    <t>PIT evidence demonstrating how the DNO maintains standing data.</t>
  </si>
  <si>
    <t>Generic requirements associated with DIP Interfaces</t>
  </si>
  <si>
    <t>MHHS-BR-LD-058</t>
  </si>
  <si>
    <t>All Parties must publish data following ISO8601 format - YYYY-MM-DDTHH:MM:SS±TZH:TZM.</t>
  </si>
  <si>
    <t>The DNO requirements reference the following DIP interfaces:</t>
  </si>
  <si>
    <t xml:space="preserve"> - IF036 / IF037 – receipt of MEM appointment / de-appointment (expect this to be tested under the BSC in relation to Data Service Appointment). Do not see the need to test receipt of the de-appointment IF037.</t>
  </si>
  <si>
    <t xml:space="preserve"> - IF041 – receipt of read data (expect this to tested under the BSC in relation to Data Service sharing of reads.)</t>
  </si>
  <si>
    <t xml:space="preserve"> - IF-009 – receipt of disconnection data. Do not think there are any retail risks associated with the DNO not receiving this data as long as the registration service has the correct status</t>
  </si>
  <si>
    <t xml:space="preserve"> - IF008 – receipt of change of energisation status. Potential flow may be tested under the BSC.</t>
  </si>
  <si>
    <t xml:space="preserve"> - IF006 – receipt of MTDs. To be tested.</t>
  </si>
  <si>
    <t xml:space="preserve"> - IF020 – receipt of metering point relationships (expect this to be tested under the BSC in relation to import / export associations)</t>
  </si>
  <si>
    <t xml:space="preserve"> - IF018 / IF026 receipt of updates to registration data. To be tested.</t>
  </si>
  <si>
    <t>QAD question to determine whether the DNO is utilising the DIP (NB: this is dependent on outcome of Programme query on whether DIP interfaces are mandatory for DNOs).</t>
  </si>
  <si>
    <t>PIT evidence demonstrating interactions using the DIP simulator.</t>
  </si>
  <si>
    <t>MHHS-BR-LD-059.1</t>
  </si>
  <si>
    <t>All Parties must utilise Industry Standing Data to identify the relevant DIP ID/Role or DTN Market Participant ID/Role, as appropriate, to be used when communicating over the DIP/DTN.</t>
  </si>
  <si>
    <t>MHHS-BR-LD-059.2</t>
  </si>
  <si>
    <t>All Parties must derive and populate the DIP addressing (primary recipients) for all outbound interfaces in line with the rules described in the interface specification</t>
  </si>
  <si>
    <t>MHHS-BR-LD-062</t>
  </si>
  <si>
    <t>All Parties must obtain Data Integration Platform error messages in line with the End to End Solution Architecture Document, review the impacted data and re-issue corrected messages/transactions as required</t>
  </si>
  <si>
    <t>MHHS-BR-LD-063</t>
  </si>
  <si>
    <t>All Parties must return Data Integration Platform error messages in line with the End to End Solution Architecture. Unexpected and/or un-processable messages should be returned to the DIP/ originating party</t>
  </si>
  <si>
    <t>MHHS-BR-LD-064</t>
  </si>
  <si>
    <t>All Parties, when transacting via the DIP, must ensure that they implement monitoring so as to identify where expected responses are not received within standard DIP SLAs, as outlined in the Operational Choreography, so that the appropriate investigative/ resolution activity can be undertaken.</t>
  </si>
  <si>
    <r>
      <t>Meter Data Retriever (</t>
    </r>
    <r>
      <rPr>
        <sz val="10"/>
        <color rgb="FF000000"/>
        <rFont val="Arial"/>
        <family val="2"/>
      </rPr>
      <t>MDR) Appointment Update to CSS – new requirement to send MDR data and receive response as per R044</t>
    </r>
  </si>
  <si>
    <t>MHHS-BR-RS-078.1</t>
  </si>
  <si>
    <t xml:space="preserve">Registration Service must, on notification that a Meter Data Retriever MDR appointment is ending, send an update to CSS/DCC to end date the MDR appointment using the existing Electricity Retail Data Service (ERDS) interface </t>
  </si>
  <si>
    <t>Retail Risk 2: The privacy of consumer data is compromised by inappropriate use of Parties’ processes and protocols </t>
  </si>
  <si>
    <t>New process and amended interface introduced via R0044. Inaccurate MDR data is not a retail risk but this is a key process to support settlement activities.</t>
  </si>
  <si>
    <t>QAD question regarding implementation of the change to gain evidence from testing.</t>
  </si>
  <si>
    <t>PIT evidence demonstrating interactions using the CSS simulator.</t>
  </si>
  <si>
    <t>The Code Manager will place reliance on SIT evidence demonstrating end to end process within MPRS (the system used by the Registration Service).</t>
  </si>
  <si>
    <t>MHHS-BR-RS-078</t>
  </si>
  <si>
    <t xml:space="preserve">Registration Service must, on successful completion of a Change in Meter Data Retriever (MDR), send an update to CSS/DCC of the new MDR using the existing Electricity Retail Data Service (ERDS) interface. </t>
  </si>
  <si>
    <t>MHHS-BR-RS-078.2</t>
  </si>
  <si>
    <t>Registration Service must populate the ERDS interface with:</t>
  </si>
  <si>
    <t>1. The four digit Market Participant Identifier derived from the DIP/DTN routing look-up list in ISD, based on the DIP ID/ DIP Role code provided in the appointment</t>
  </si>
  <si>
    <t>2. The Role Code for MDR should be set to "MDR"</t>
  </si>
  <si>
    <t>3. The Effective From Date of the MDR</t>
  </si>
  <si>
    <t>4. The Effective To Date of the MDR (Only expected when end dating following notification of "de-appointment")</t>
  </si>
  <si>
    <t>5. CSS Registration ID</t>
  </si>
  <si>
    <t>MHHS-BR-RS-079</t>
  </si>
  <si>
    <t>Registration Service must receive a response from CSS/DCC as to whether the MDR details have been updated, using the Electricity Retail Data Service (ERDS) interface. Registration Service should maintain a flag against the SDS/MDR appointment record to show the most recent CSS update outcome.</t>
  </si>
  <si>
    <t>MEM Appointment Update to CSS – existing requirement to send MEM data to CSS</t>
  </si>
  <si>
    <t>N/A </t>
  </si>
  <si>
    <t> N/A</t>
  </si>
  <si>
    <t>N/A – current process is monitored via ERDA SLA reporting, and this is deemed as low risk.</t>
  </si>
  <si>
    <t>Existing process. Only change is that the ERDS will need to take both Smart and Advanced MEM details and send with role code M.</t>
  </si>
  <si>
    <t>SIT evidence demonstrating end to end process – reliance to be places on the testing conducted by St Clements and the SIT participants.</t>
  </si>
  <si>
    <t>Supplier</t>
  </si>
  <si>
    <t xml:space="preserve">New connection – covering initial establishment of the metering point </t>
  </si>
  <si>
    <t>MHHS-BR-SU-048.1</t>
  </si>
  <si>
    <t>Supplier must request LDSO to create a new MPAN when a new Connection is required. Supplier will need to specify the anticipated: Connection Type, Energy Direction,  Metered/Un-Metered Indicator &amp; Market Segment required for the new MPAN.</t>
  </si>
  <si>
    <t>Retail Risk 1: Consumer supply point interruption due to a lack of action or incorrect action by REC Parties.</t>
  </si>
  <si>
    <t>Existing business processes in terms of interaction with the DNO. Changes to reflect new data required in the SDEP message.</t>
  </si>
  <si>
    <t>This scenario has not captured the Initial Registration with CSS, agent appointment or meter installation as they are reflected below</t>
  </si>
  <si>
    <t>QAD question regarding the changes to the existing process in particular recognition of the new data items required within a request to the DNO for a new metering point to be established (see SDEP requirements).</t>
  </si>
  <si>
    <t>PIT evidence demonstrating how the Supplier has tested the changes to the request for new metering points solution.</t>
  </si>
  <si>
    <t>No Qualification Testing expected</t>
  </si>
  <si>
    <t>Initial Registration and Switch – In addition to receiving the existing CSS flows, a Supplier will receive DIP interfaces which trigger downstream activities</t>
  </si>
  <si>
    <t>MHHS-BR-SU-001</t>
  </si>
  <si>
    <t>Supplier must be able to obtain registration details via the appropriate interface on the Data Integration Platform and maintain records accordingly.</t>
  </si>
  <si>
    <t>Retail Risk 8: Delayed Switches provides a negative customer experience of the energy market.</t>
  </si>
  <si>
    <t>Low </t>
  </si>
  <si>
    <t>DIP interfaces replace existing DTN flows. Whilst the IF002 notification of a Pending Switch triggers agent appointment, the Supplier triggered the Switch request so should be expecting the DIP message. Similarly, the IF001 is received at Secured Active and should coincide with the notification from CSS.</t>
  </si>
  <si>
    <t>QAD question relating to controls in place to monitor for missing or erroneous DIP interfaces.</t>
  </si>
  <si>
    <t>PIT evidence demonstrating how the Supplier has tested the changes to the Switch process (including agent appointment).</t>
  </si>
  <si>
    <t xml:space="preserve">The Code Manager will require evidence of coverage of the DIP Interface within Qualification Testing. This will be covered as part of appointment scenarios – see below. </t>
  </si>
  <si>
    <t>MHHS-BR-SU-004</t>
  </si>
  <si>
    <t>MHHS-BR-SU-048</t>
  </si>
  <si>
    <t>Supplier must be able to receive notification that initial registration is secured from CSS.</t>
  </si>
  <si>
    <t>MHHS-BR-SU-049</t>
  </si>
  <si>
    <t>Supplier must be able to obtain registration details for an Initial Registration via the appropriate interface on the Data Integration Platform and maintain records accordingly.</t>
  </si>
  <si>
    <t>Metering Service Appointment / De-appointment</t>
  </si>
  <si>
    <t>NB: This includes scenarios both with and without a Switch.</t>
  </si>
  <si>
    <t>MHHS-BR-SU-005</t>
  </si>
  <si>
    <t xml:space="preserve">Supplier must determine when it requires to appoint a new Metering Service as part of a Change of Supplier, New Connection, Change of Market Segment or Change of Metering Service process. </t>
  </si>
  <si>
    <t>Medium</t>
  </si>
  <si>
    <t>Significant change from existing appointment process.</t>
  </si>
  <si>
    <t>New event driven architecture and reduced settlement timetable places onus on Supplier to ensure activities are completed in a timely manner.</t>
  </si>
  <si>
    <t xml:space="preserve">Includes sending and receiving DIP interfaces (IF-031, IF-032. IF-035, IF-036, IF-037, IF-039) and existing process for notifying customer and PSR details. </t>
  </si>
  <si>
    <t>Also includes steps related to MTD receipt via the IF006 and relevant DTN flows.</t>
  </si>
  <si>
    <t>QAD question(s) regarding the Supplier's implementation of the revised MEM (and Data Service for BSC) process. In particular this should capture the distinction between new market segments and the need to appoint agents with appropriate qualification and the approach to design, build and test of the new end to end process.</t>
  </si>
  <si>
    <t>QAD question regarding the Supplier's controls in place to manage Supplier Agent activities to ensure the end to end process is carried out within MHHS defined timescales.</t>
  </si>
  <si>
    <t>QAD question regarding the changes required to reflect the new MEM Market Roles within DTN messaging.</t>
  </si>
  <si>
    <t>PIT evidence demonstrating Supplier's testing of the new process, including different scenarios: Switch, Change of MEM without a Switch and Initial Registration for different market segments and testing the new DTN market roles, and new DIP interfaces using the DIP Simulator.</t>
  </si>
  <si>
    <t>The Code Manager will require evidence of coverage of the DIP Interface within Qualification Testing.</t>
  </si>
  <si>
    <t>End to end business process to be assured through Qualification Testing within the UIT environment, including integration with the Registration Service or an equivalent stub. This should include Switch, Change of MEM without a Switch (including change of Market Segment) and Initial Registration for individual Metering Points and those with related secondary metering points or associated export.</t>
  </si>
  <si>
    <t>MHHS-BR-SU-006</t>
  </si>
  <si>
    <t>Supplier must publish a new Metering Service appointment request using the appropriate interface on the Data Integration Platform.</t>
  </si>
  <si>
    <t>MHHS-BR-SU-007</t>
  </si>
  <si>
    <t>Supplier should check that the request is in line with the validation rules outlined in the appropriate interface specification.</t>
  </si>
  <si>
    <t>MHHS-BR-SU-008</t>
  </si>
  <si>
    <t>Supplier must obtain initial Metering Service rejected appointments from the Registration Service via the appropriate interface on the Data Integration Platform, maintain records accordingly and re-issue Metering Service appointment request as appropriate.</t>
  </si>
  <si>
    <t>MHHS-BR-SU-009</t>
  </si>
  <si>
    <t>Supplier must obtain initial Metering Service accepted appointments from the Registration Service via the appropriate interface on the Data Integration Platform and maintain records accordingly.</t>
  </si>
  <si>
    <t>MHHS-BR-SU-010</t>
  </si>
  <si>
    <t>Supplier must obtain Registration Service Appointment Status Notification updates, with Prospective Metering Service accepted appointments, via the appropriate interface on the Data Integration Platform and maintain records accordingly.</t>
  </si>
  <si>
    <t>MHHS-BR-SU-011</t>
  </si>
  <si>
    <t>Supplier must obtain Registration Service Appointment Status Notification updates, with Prospective Metering Service lapsed/rejected appointments, via the appropriate interface on the Data Integration Platform, maintain records accordingly and re-issue a new Metering Service appointment request as appropriate.</t>
  </si>
  <si>
    <t>MHHS-BR-SU-012</t>
  </si>
  <si>
    <t>Supplier must obtain Metering Service de-appointment notifications via the appropriate interface on the Data Integration Platform and maintain records accordingly.</t>
  </si>
  <si>
    <t>MHHS-BR-SU-013</t>
  </si>
  <si>
    <t>Supplier must obtain Registration Service Notification of Service Appointment &amp; Supporting Info via the appropriate interface on the Data Integration Platform and update registration and metering details. For the avoidance of doubt this is the message that indicates that a Metering Service appointment will/has taken effect.</t>
  </si>
  <si>
    <t>MHHS-BR-SU-014</t>
  </si>
  <si>
    <t>Supplier must receive Meter Technical Details for Advanced meters via the appropriate interface (D0268 on DTN) from Metering Service and maintain records accordingly. In the case where Related MPANs or Import/Export linked meters exist, Supplier should expect to receive Meter Technical Details for all the MPANs in the Related MPAN or Import/Export group.</t>
  </si>
  <si>
    <t>MHHS-BR-SU-015</t>
  </si>
  <si>
    <t>Supplier must receive Meter Technical Details for Traditional meters via the appropriate interfaces (D0149 and D0150 on DTN) from Metering Service and maintain records accordingly. In the case where Related MPANs or Import/Export linked meters exist, Supplier should expect to receive Meter Technical Details for all the MPANs in the Related MPAN or Import/Export group.</t>
  </si>
  <si>
    <t>MHHS-BR-SU-016</t>
  </si>
  <si>
    <t xml:space="preserve">Supplier must obtain de-appointment notifications for any Secondary Related MPANs and/or linked Export MPANs, sent from the Registration Service on the Data Integration Platform, via the appropriate interface and maintain records accordingly. </t>
  </si>
  <si>
    <t>MHHS-BR-SU-017</t>
  </si>
  <si>
    <t xml:space="preserve">Supplier must obtain appointment notifications for any Secondary Related MPANs and/or linked Export MPANs, sent from the Registration Service on the Data Integration Platform, via the appropriate interface and maintain records accordingly. </t>
  </si>
  <si>
    <t>MHHS-BR-SU-059</t>
  </si>
  <si>
    <t>Supplier must obtain Service Provider de-appointment notifications via the appropriate interface on the Data Integration Platform and maintain records accordingly.</t>
  </si>
  <si>
    <t>MHHS-BR-SU-106</t>
  </si>
  <si>
    <t>Supplier must obtain de-appointment notifications for any Secondary Related MPANs and/or linked Export MPANs, sent from the Registration Service (following MPAN alignment monitoring) on the Data Integration Platform, via the appropriate interface and maintain records accordingly. Supplier should expect to receive automatic notification of the correct Service Provider.</t>
  </si>
  <si>
    <t>MHHS-BR-SU-107</t>
  </si>
  <si>
    <t xml:space="preserve">Supplier must obtain appointment notifications for any Secondary Related MPANs and/or linked Export MPANs, sent from the Registration Service (following MPAN alignment monitoring) on the Data Integration Platform, via the appropriate interface and maintain records accordingly. </t>
  </si>
  <si>
    <t>MHHS-BR-SU-135</t>
  </si>
  <si>
    <t>Supplier must send Notification of Customer Details to the Data Service via the appropriate interface on any change of occupancy.</t>
  </si>
  <si>
    <t>MHHS-BR-SU-136</t>
  </si>
  <si>
    <t>Supplier must send Priority Service Details to the Data Service via the appropriate interface on any update to the Priority Service Register.</t>
  </si>
  <si>
    <t xml:space="preserve">Appointment Amendment  </t>
  </si>
  <si>
    <t>MHHS-BR-SU-031</t>
  </si>
  <si>
    <t>Supplier must determine when it needs to vary the conditions of an existing Service Provider appointment , for example to change the contract code or change the MDR (SDS only).</t>
  </si>
  <si>
    <t>Potentially not relevant to the REC. The process reflects the standard appointment process (using a different event code) so no additional testing proposed.</t>
  </si>
  <si>
    <t>QAD question regarding the Supplier’s expected use for this process to determine whether the Supplier is amending existing systems and/or processes.</t>
  </si>
  <si>
    <t>Reliance then placed on testing of the appointment process scenarios including the Suppliers PIT and testing in the UIT environment for an Appointment Amendment scenario.</t>
  </si>
  <si>
    <t>MHHS-BR-SU-032</t>
  </si>
  <si>
    <t xml:space="preserve">Supplier must publish a Supplier Service Appointment Request for a proposed Service Provider amendment via the appropriate interface on the Data Integration Platform </t>
  </si>
  <si>
    <t>MHHS-BR-SU-033</t>
  </si>
  <si>
    <t>Supplier must obtain Registration Service Response to Supplier Service Appointment Requests, with rejected appointments, via the appropriate interface on the Data Integration Platform, maintain records accordingly and re-issue the Service Provider Appointment Amendment request as appropriate</t>
  </si>
  <si>
    <t>MHHS-BR-SU-034</t>
  </si>
  <si>
    <t>Supplier must obtain Registration Service Response to Supplier Service Appointment Requests, with accepted appointments, via the appropriate interface on the Data Integration Platform and maintain records accordingly</t>
  </si>
  <si>
    <t>MHHS-BR-SU-035</t>
  </si>
  <si>
    <t>Supplier must obtain Registration Service Appointment Status Notification updates, with Service Provider accepted amended appointments, via the appropriate interface on the Data Integration Platform and maintain records accordingly. This confirms that the Service Provider amendment has been successfully completed.</t>
  </si>
  <si>
    <t>MHHS-BR-SU-036</t>
  </si>
  <si>
    <t>Supplier must obtain Registration Service Appointment Status Notification updates, with Service Provider rejected amended appointments, via the appropriate interface on the Data Integration Platform, maintain records accordingly and re-issue a new Service Provider appointment amendment request as appropriate.</t>
  </si>
  <si>
    <t xml:space="preserve">Missing or Disputed Switch Meter Reads </t>
  </si>
  <si>
    <t>MHHS-BR-SU-158</t>
  </si>
  <si>
    <t>Supplier must, where there is a missing transfer read or there is an issue with a transfer read received, provide a suggested transfer read to the other Supplier via the appropriate interface</t>
  </si>
  <si>
    <t>Retail Risk 5: Consumers do not receive an accurate first and final bill,which leads to high customer dissatisfaction.</t>
  </si>
  <si>
    <t>Limited change to the existing Disputed / Missing Read process (main change is associated with the triggers rather than the business process).</t>
  </si>
  <si>
    <t>NB: the steps relating to the Supplier notifying the Data Service of the agreed read have not been includes (SU-161 and SU-162) as these should be reflected within BSC elements of testing.</t>
  </si>
  <si>
    <t>QAD question regarding the change required to reflect the amended Switch Meter Read exceptions process, specifically recognising the amendments to the triggers for raising a dispute, the extension of the application to cover half hourly metering points and the differing approach for different market segments.</t>
  </si>
  <si>
    <t>PIT evidence demonstrating how the Supplier has tested the revised process, including amended D0300 market message.</t>
  </si>
  <si>
    <t>MHHS-BR-SU-159</t>
  </si>
  <si>
    <t>Supplier must receive proposed transfer reads via the appropriate interface and validate that the read is acceptable</t>
  </si>
  <si>
    <t>MHHS-BR-SU-160</t>
  </si>
  <si>
    <t xml:space="preserve">Supplier must provide a response to the proposed read request via the appropriate interface </t>
  </si>
  <si>
    <t xml:space="preserve">Meter Works – covering standard requests for the MEM to carry out metering activities </t>
  </si>
  <si>
    <t>MHHS-BR-SU-050</t>
  </si>
  <si>
    <t>Supplier must, where appropriate, following appointment of the relevant Metering Service, request a new meter is installed in line with the Change of Metering process.</t>
  </si>
  <si>
    <t>Retail Risk 13: Retail consumers have a negative customer experience as part of the metering works conducted.</t>
  </si>
  <si>
    <t>Existing approach to requesting change (D0142, D0001), managing issues where activity has failed to complete (D0002, D0221) and receiving MTDs (D0149 / 150 and D0268) – MHHS change is limited to the new market roles for MEM DTN messages.</t>
  </si>
  <si>
    <t>New DIP interface for receipt of MTDs via the Registration Service (IF006) and receipt of associated cumulative meter reads (IF041).</t>
  </si>
  <si>
    <t>NB: Existing step to configure a smart device in accordance with the SEC (SU-074 has not been included.)</t>
  </si>
  <si>
    <t>QAD question regarding the end to end meter works process – whilst most elements of this process are existing functionality, ensuring the Supplier understands the changes to the existing process is important.</t>
  </si>
  <si>
    <t>PIT evidence demonstrating testing completed using the new DTN market roles and the new DIP interfaces using the DIP simulator.</t>
  </si>
  <si>
    <t>MHHS-BR-SU-052</t>
  </si>
  <si>
    <t>Supplier must, where required, request that any existing metering equipment is removed in line with the Change of Metering process.</t>
  </si>
  <si>
    <t>MHHS-BR-SU-066</t>
  </si>
  <si>
    <t xml:space="preserve">Supplier must be able to send a request to fit, exchange or remove a meter via the appropriate interface </t>
  </si>
  <si>
    <t>MHHS-BR-SU-067</t>
  </si>
  <si>
    <t>Supplier must be able to receive Fault Resolution Report or Request for decision on Further action via the appropriate interface</t>
  </si>
  <si>
    <t>MHHS-BR-SU-068</t>
  </si>
  <si>
    <t xml:space="preserve">Supplier must be able to receive Notification of Failure to Install or Energise Metering System via the appropriate interface </t>
  </si>
  <si>
    <t>MHHS-BR-SU-069</t>
  </si>
  <si>
    <t>Supplier must be able to obtain and process metering change acceptances received from the Registration Service via the appropriate interface on the Data Integration Platform</t>
  </si>
  <si>
    <t>MHHS-BR-SU-070</t>
  </si>
  <si>
    <t xml:space="preserve">Supplier must be able to receive Meter Technical Details and register meter reads for Advanced/Traditional meters via the appropriate interfaces </t>
  </si>
  <si>
    <t>MHHS-BR-SU-071</t>
  </si>
  <si>
    <t>Supplier should reconcile the metering details received from Registration Service with information from the Metering Service and investigate any discrepancies if required.</t>
  </si>
  <si>
    <t>MHHS-BR-SU-072</t>
  </si>
  <si>
    <t>Supplier must be able to obtain and process metering change cumulative reads received via the appropriate interface on the Data Integration Platform</t>
  </si>
  <si>
    <t>MHHS-BR-SU-073</t>
  </si>
  <si>
    <t xml:space="preserve">Supplier must be able to install and commission a Smart meter in line with the Smart Energy Code </t>
  </si>
  <si>
    <t>MHHS-BR-SU-132</t>
  </si>
  <si>
    <t>Supplier must notify faulty equipment it identifies to the ADS and receive updates via the appropriate interfaces as outlined in the relevant BSCP.</t>
  </si>
  <si>
    <t>MHHS-BR-SU-133</t>
  </si>
  <si>
    <t xml:space="preserve">Supplier must receive notification of any faulty equipment from the SDS via a D0001 or bilaterally agreed interface as outlined in the relevant BSCP. For Smart and Traditional meters the Supplier will take the lead investigating faults. The Supplier will be responsible for notifying the Data Service if they require data to be resubmitted as a result of a fault. </t>
  </si>
  <si>
    <t>Disconnection – steps within BP007 cut across a number of scenarios including meter works and appointments</t>
  </si>
  <si>
    <t>MHHS-BR-SU-051</t>
  </si>
  <si>
    <t>Supplier must identify that a disconnection is required, following existing internal processes.</t>
  </si>
  <si>
    <t>No change to existing interactions with the DNO – note that these are captured in the DCUSA and the BSC.</t>
  </si>
  <si>
    <t>Receipt of the IF009 (SU-056) is the only new element within this scenario.</t>
  </si>
  <si>
    <t>NB: Existing steps to deactivate the CSS registration are not included (SU-057.1, SU-058) and requirements relating to meter removal (SU-052), de-energisation (SU-053) and agent appointment (SU-059) are covered elsewhere.</t>
  </si>
  <si>
    <t>QAD question regarding the end to end disconnection process – whilst most elements of this process are existing functionality, ensuring the supplier understands how these come together into a single business process is key.</t>
  </si>
  <si>
    <t>PIT evidence demonstrating the end to end process has been tested using DIP simulator.</t>
  </si>
  <si>
    <t>MHHS-BR-SU-054</t>
  </si>
  <si>
    <t>Supplier must be able to request the LDSO to disconnect a Meter Point via the appropriate interface</t>
  </si>
  <si>
    <t>MHHS-BR-SU-055</t>
  </si>
  <si>
    <t>Supplier must be able to receive a rejection to the disconnection request from the LDSO via the appropriate interface and action, as appropriate, based on the rejection reason.</t>
  </si>
  <si>
    <t>MHHS-BR-SU-056</t>
  </si>
  <si>
    <t>Supplier must be able to receive confirmation of disconnection of an MPAN via the appropriate interface and maintain records accordingly.</t>
  </si>
  <si>
    <t xml:space="preserve">Change of Energisation Status </t>
  </si>
  <si>
    <t>MHHS-BR-SU-053</t>
  </si>
  <si>
    <t>Supplier must, before disconnection, ensure that the Meter Point is de-energised.</t>
  </si>
  <si>
    <t>Existing requirement regarding request for energisation status change – MHHS change is limited to the new market roles for MEM DTN messages (D0134 / D0179 D0010).</t>
  </si>
  <si>
    <t>Receipt of the IF007 (SU-061), IF008 (SU-064) IF041 (SU-063) are the only new elements within this scenario.</t>
  </si>
  <si>
    <t>QAD question regarding the end to end change of energisation process – whilst most elements of this process are existing functionality, ensuring the supplier understands how these come together into a single business process is key.</t>
  </si>
  <si>
    <t>PIT evidence demonstrating testing completed using the new DTN market roles and new DIP interfaces using the DIP simulator.</t>
  </si>
  <si>
    <t>MHHS-BR-SU-060</t>
  </si>
  <si>
    <t>Supplier must, on identifying a need to change energisation status for an MPAN, request the Meter Service or LDSO (as appropriate) to change the energisation status via the appropriate interface.</t>
  </si>
  <si>
    <t>MHHS-BR-SU-061</t>
  </si>
  <si>
    <t>Supplier must obtain notifications of a rejection or unable to action a Change of Energisation request via the appropriate interface on the Data Integration Platform and action, as appropriate, based on the rejection reason.</t>
  </si>
  <si>
    <t>MHHS-BR-SU-062</t>
  </si>
  <si>
    <t>Supplier must, for traditional pre payment meters, receive a D0179 from the Metering Service with the pre-payment change in energisation details.</t>
  </si>
  <si>
    <t>MHHS-BR-SU-063</t>
  </si>
  <si>
    <t>Supplier must obtain Advanced and Smart cumulative reads for the energisation change, sent by the Metering Service on the Data Integration Platform, via the appropriate interface.</t>
  </si>
  <si>
    <t>MHHS-BR-SU-064</t>
  </si>
  <si>
    <t>Supplier must obtain accepted Change of Energisation status notifications from the Registration Service via the appropriate interface on the Data Integration Platform and maintain records accordingly.</t>
  </si>
  <si>
    <t>MHHS-BR-SU-065</t>
  </si>
  <si>
    <t>Supplier must receive register reads, for non-Smart meters, for the energisation change via the appropriate interface.</t>
  </si>
  <si>
    <t xml:space="preserve">Maintenance of Supplier Owned Registration Data </t>
  </si>
  <si>
    <t>MHHS-BR-SU-076</t>
  </si>
  <si>
    <t>Supplier must send Central Switching Service updates on domestic premise indicator via the appropriate interface.</t>
  </si>
  <si>
    <t>Retail Risk 10: Inaccurate data or data that is not maintained appropriately leads to delay in the switching process.</t>
  </si>
  <si>
    <t>A summary of each data item is set out below:</t>
  </si>
  <si>
    <t>- Domestic Premises Indicator: No change to approach for updating DPI via the CSS. The Supplier will receive update via IF018.</t>
  </si>
  <si>
    <t>- Consent Granularity: governed under the BSC.</t>
  </si>
  <si>
    <t>- Related MPAN: see below.</t>
  </si>
  <si>
    <t>- Import / Export association: governed under the BSC.</t>
  </si>
  <si>
    <t>- IHD details: new requirement for supplier to provide IHD details (IF025) and receive updates via IF026.</t>
  </si>
  <si>
    <t>- SMSO details: new requirement for supplier to provide SMSO details (IF025) and receive updates via IF026.</t>
  </si>
  <si>
    <t>- Profile Class / SSC details -new requirement for supplier to provide Profile Class / SSC details (IF025) and receive updates via IF026.</t>
  </si>
  <si>
    <t>QAD question regarding maintenance of Supplier owned data – noting that a change to the notification process is only required for IHD, SMSO and Profile Class /SSC updates.</t>
  </si>
  <si>
    <t>PIT evidence demonstrating testing completed using the DIP simulator.</t>
  </si>
  <si>
    <t>The Code Manager will require evidence of coverage of the DIP Interface within Qualification Testing. This will include IHD, SMSO and Profile Class / SSC updates.</t>
  </si>
  <si>
    <t>MHHS-BR-SU-077</t>
  </si>
  <si>
    <t>Supplier must obtain domestic premise indicator updates via the appropriate interface on the Data Integration Platform and maintain records accordingly. Supplier should consider if there is any impact on the Consent Granularity Indicator.</t>
  </si>
  <si>
    <t>MHHS-BR-SU-078</t>
  </si>
  <si>
    <t>Supplier must be able to publish Consent Granularity Indicator updates on the Data Integration Platform via the appropriate interface, following customer notification of a change in consent, review following domestic premise indicator update or installation of a new Smart meter.</t>
  </si>
  <si>
    <t>MHHS-BR-SU-079</t>
  </si>
  <si>
    <t xml:space="preserve">Supplier must obtain Consent Granularity Indicator updates via the appropriate interface on the Data Integration Platform and action as appropriate. </t>
  </si>
  <si>
    <t>MHHS-BR-SU-090</t>
  </si>
  <si>
    <t>Supplier must, where changes to In-House Display (IHD) details are identified, publish an IHD update to Registration Service via the appropriate interface on the Data Integration Platform.</t>
  </si>
  <si>
    <t>MHHS-BR-SU-091</t>
  </si>
  <si>
    <t>Supplier must obtain IHD updates from Registration Service via the appropriate interface on the Data Integration Platform and maintain records accordingly.</t>
  </si>
  <si>
    <t>MHHS-BR-SU-092</t>
  </si>
  <si>
    <t>Supplier must, where changes to Smart Metering System Operator (SMSO) are identified, publish an SMSO update to Registration Service via the appropriate interface on the Data Integration Platform.</t>
  </si>
  <si>
    <t>MHHS-BR-SU-093</t>
  </si>
  <si>
    <t>Supplier must obtain SMSO updates from Registration Service via the appropriate interface on the Data Integration Platform and maintain records accordingly.</t>
  </si>
  <si>
    <t>MHHS-BR-SU-094</t>
  </si>
  <si>
    <t>Supplier must, where changes to Import/Export linkages are required, publish an Import/ Export linkage update to Registration Service via the appropriate interface on the Data Integration Platform.</t>
  </si>
  <si>
    <t>MHHS-BR-SU-096.1</t>
  </si>
  <si>
    <t>Supplier must, where changes to legacy data items (Profile Class/SSC) are identified, publish a legacy data update to Registration Service via the appropriate interface on the Data Integration Platform.</t>
  </si>
  <si>
    <t>MHHS-BR-SU-096.2</t>
  </si>
  <si>
    <t>Supplier must obtain legacy data item (Profile Class/SSC) updates from Registration Service via the appropriate interface on the Data Integration Platform and maintain records accordingly.</t>
  </si>
  <si>
    <t>MHHS-BR-SU-096.3</t>
  </si>
  <si>
    <t>Supplier must be able to obtain DCC enrolment updates via the appropriate interface on the Data Integration Platform and maintain records accordingly.</t>
  </si>
  <si>
    <t xml:space="preserve">Maintenance of Non Supplier Owned Registration Data </t>
  </si>
  <si>
    <t>MHHS-BR-SU-075</t>
  </si>
  <si>
    <t>Supplier must obtain MPL address/ GSP Group ID updates via the appropriate interface on the Data Integration Platform and maintain records accordingly. Supplier should consider if there are any impacts on Service Provider appointments.</t>
  </si>
  <si>
    <t>Retail Risk 6: Inaccurate Address Management data results in errors that impact customers.</t>
  </si>
  <si>
    <t>- MPL Address: No change to approach for updating MPL address. Supplier to receive update via IF018.</t>
  </si>
  <si>
    <t>- DUoS Tariff Id: Not relevant to REC.</t>
  </si>
  <si>
    <t>- Energy Direction: No change to approach for updating Energy Direction. Supplier to receive update via IF018.</t>
  </si>
  <si>
    <t>- Metered Status: No change to approach for updating Metered Status. Supplier to receive update via IF018.</t>
  </si>
  <si>
    <t>- Customer Direct Contract: New data maintained by the Data Service / Metering Service. Supplier involvement limited to receipt of IF-039.</t>
  </si>
  <si>
    <t>QAD question regarding maintenance of Non Supplier owned data – noting that the only design change is receipt of data via a DIP interface.</t>
  </si>
  <si>
    <t>MHHS-BR-SU-075.1</t>
  </si>
  <si>
    <t>Supplier must notify the LDSO of any changes to MPL address that it becomes aware of (outside of the PUB-018 notification) via email/ SDEP or other bilaterally agreed mechanism</t>
  </si>
  <si>
    <t>MHHS-BR-SU-080</t>
  </si>
  <si>
    <t>Supplier must be able to obtain DUoS Tariff ID updates via the appropriate interface on the Data Integration Platform</t>
  </si>
  <si>
    <t>MHHS-BR-SU-084</t>
  </si>
  <si>
    <t xml:space="preserve">Supplier must, where required, request the LDSO to carry out the one time update to the Energy direction via a bilaterally agreed mechanism (eg SDEP or email ) </t>
  </si>
  <si>
    <t>MHHS-BR-SU-085</t>
  </si>
  <si>
    <t xml:space="preserve">Supplier must manage any rejections to the Energy Direction update and re-submit as appropriate </t>
  </si>
  <si>
    <t>MHHS-BR-SU-086</t>
  </si>
  <si>
    <t>Supplier must be able to obtain Energy Direction updates via the appropriate interface on the Data Integration Platform and maintain records accordingly</t>
  </si>
  <si>
    <t>MHHS-BR-SU-087</t>
  </si>
  <si>
    <t xml:space="preserve">Supplier must, where required, request the LDSO to carry out the one time update to the Metered Status via a bilaterally agreed mechanism (eg SDEP or email ) </t>
  </si>
  <si>
    <t>MHHS-BR-SU-088</t>
  </si>
  <si>
    <t xml:space="preserve">Supplier must manage any rejections to the Metered Status update and re-submit as appropriate </t>
  </si>
  <si>
    <t>MHHS-BR-SU-089</t>
  </si>
  <si>
    <t>Supplier must be able to obtain Metered Status updates via the appropriate interface on the Data Integration Platform and maintain records accordingly</t>
  </si>
  <si>
    <t>Supplier must be able to obtain DCC enrolment updates via the appropriate interface on the Data Integration Platform and maintain records accordingly</t>
  </si>
  <si>
    <t>MHHS-BR-SU-018</t>
  </si>
  <si>
    <t>Supplier must obtain Customer Direct Contract response via the appropriate interface on the Data Integration Platform and maintain records accordingly. Supplier should utilise this information in future requests for Metering Service appointments for the notified MPANs.</t>
  </si>
  <si>
    <t xml:space="preserve">Maintenance of Related Metering Point data </t>
  </si>
  <si>
    <t>MHHS-BR-SU-081</t>
  </si>
  <si>
    <t>Supplier must notify Registration Service of any change required to the Metering Point Relationships using the appropriate interface on the Data Integration Platform</t>
  </si>
  <si>
    <t>New end to end process for managing Related Metering point relationship including IF019 to notify the Registration Service about creation of, changes to or ending relationship and IF020 to receive notifications from the Registration Service.</t>
  </si>
  <si>
    <t>NB: MHHS is introducing greater reliance on related metering point relationships for agent appointments so ensuring this works and suppliers have appropriate systems and process in place for maintaining this data is key. However, the application of this process is infrequent.</t>
  </si>
  <si>
    <t>QAD question regarding maintenance of Related Metering Point data and seeking assurance that the Supplier understands the changes to the use of this data being introduced with MHHS e.g. auto appointment / de-appointment of agents.</t>
  </si>
  <si>
    <t>The Code Manager will require evidence of the DIP Connectivity Testing conducted with the DIP Manager as a part of the QAD.</t>
  </si>
  <si>
    <t>Related Metering Point updates to be assured through Qualification Testing within the UIT environment, including integration with the Registration Service or an equivalent stub.</t>
  </si>
  <si>
    <t>MHHS-BR-SU-083</t>
  </si>
  <si>
    <t>Supplier must be able to obtain Related MPAN updates via the appropriate interface on the Data Integration Platform and maintain records accordingly</t>
  </si>
  <si>
    <t>MHHS-BR-SU-131</t>
  </si>
  <si>
    <t>All Parties, where required, must be able to identify (using the appropriate interface) and appropriately manage related MPANs as described in the Retail Energy Code.</t>
  </si>
  <si>
    <t>Change of Market Segment</t>
  </si>
  <si>
    <t>MHHS-BR-SU-097</t>
  </si>
  <si>
    <t>Supplier must identify when a Change of Connection Type or Market Segment is required following a customer request for change to the connection/metering. The Supplier must liaise with the customer, LDSO and Metering Service as appropriate to coordinate the change and agree a target work date.</t>
  </si>
  <si>
    <t>No change to existing interactions with the DNO regarding change to connection type. NB: these are captured in the DCUSA and the BSC.</t>
  </si>
  <si>
    <t>Also existing approach to requesting meter exchange with MEM (noting the change to DTN flows to reflect new market roles).</t>
  </si>
  <si>
    <t>Receipt of the IF043 for change of connection type and IF044 for change of market segment are is the only new elements within this scenario.</t>
  </si>
  <si>
    <t>Whilst a number of process steps are governed under the DCUSA / BSC, the impact on agent appointment and metering updates means this is an area REC Qualification requirements should cover.</t>
  </si>
  <si>
    <t>QAD question regarding the end to end change of market segment process. Whilst most elements of this process are existing functionality, ensuring the Supplier understands how these come together into a single business process is key.</t>
  </si>
  <si>
    <t>QAD should be seeking assurance that the Supplier understands the relevance of this process to wider aspects of the business e.g. appointment / de-appointment of agents.</t>
  </si>
  <si>
    <t xml:space="preserve">The Code Manager will require evidence of coverage of the DIP Interface within Qualification Testing. This will be covered as part of appointment scenarios – see above. </t>
  </si>
  <si>
    <t>MHHS-BR-SU-098</t>
  </si>
  <si>
    <t>Supplier must send a request to the LDSO to change the Connection Type via a bilaterally agreed communication method, where it is identified that a Change of Connection Type is required.</t>
  </si>
  <si>
    <t>MHHS-BR-SU-099</t>
  </si>
  <si>
    <t>Supplier must send a request to the Proposed Metering Service to change the Metering via a bilaterally agreed communication method, where it is identified that a Change of Market Segment is required.</t>
  </si>
  <si>
    <t>MHHS-BR-SU-100</t>
  </si>
  <si>
    <t>Supplier must receive confirmation from the LDSO of the agreed target work date for any Change to Connection Type requests via a bilaterally agreed communication method.</t>
  </si>
  <si>
    <t>MHHS-BR-SU-101</t>
  </si>
  <si>
    <t>Supplier must receive confirmation from the Proposed Metering Service of the agreed target work date for any Change to Market Segment requests via a bilaterally agreed communication method.</t>
  </si>
  <si>
    <t>MHHS-BR-SU-102</t>
  </si>
  <si>
    <t>Supplier must, where it identifies that new Service Providers are needed, trigger Service Appointments using the Change of Metering Service and Change of Data Service processes, with a scenario of "SEG".</t>
  </si>
  <si>
    <t>MHHS-BR-SU-103</t>
  </si>
  <si>
    <t>Supplier must work closely with all parties involved to ensure that the Target Date will be achieved. If Supplier is informed that the date has had to be moved Supplier should re-submit any Service Appointments for the new Target Date</t>
  </si>
  <si>
    <t>MHHS-BR-SU-104</t>
  </si>
  <si>
    <t>Supplier must obtain Connection Type updates from the Registration Service via the appropriate interface on the Data Integration Platform and maintain records accordingly. Supplier should monitor for these updates after the agreed target work date and liaise with LDSO to ensure a prompt update.</t>
  </si>
  <si>
    <t>MHHS-BR-SU-105</t>
  </si>
  <si>
    <t>Supplier must obtain Market Segment updates from the Registration Service via the appropriate interface on the Data Integration Platform and maintain records accordingly. Supplier should monitor for these updates after the agreed target work date and liaise with Metering Service/LDSO, as appropriate, to ensure a prompt update.</t>
  </si>
  <si>
    <t xml:space="preserve">Monitoring Service Advisories </t>
  </si>
  <si>
    <t>MHHS-BR-SU-108</t>
  </si>
  <si>
    <t>Supplier must obtain Missing Service Provider Advisory notifications, sent from the Registration Service on the Data Integration Platform, via the appropriate interface and investigate why no Service Provider has been appointed. If necessary Supplier should trigger a new Service Provider appointment.</t>
  </si>
  <si>
    <t>New advisory messages issued by the Registration Service relating to missing supplier agents and invalid market segment.</t>
  </si>
  <si>
    <t>Inconsistent consent advisory not relevant to the REC (SU-110)</t>
  </si>
  <si>
    <t>QAD question regarding receipt of advisory messages and controls / processes in place to resolve identified issues.</t>
  </si>
  <si>
    <t>MHHS-BR-SU-109</t>
  </si>
  <si>
    <t>Supplier must obtain Invalid Market Segment Advisory notifications, sent from the Registration Service on the Data Integration Platform, via the appropriate interface. Supplier must investigate with the Metering Service and/or LDSO to agree the necessary action to resolve the mismatch of Connection Type to Meter Type combination.</t>
  </si>
  <si>
    <t>Migration Requirements</t>
  </si>
  <si>
    <t>N/A</t>
  </si>
  <si>
    <t>The migration process will be similar to a standard change of agent, therefore testing will be required as separate appointment scenario’s (Switch and non Switch).</t>
  </si>
  <si>
    <t>The Supplier’s ability to manage the migration in line with the Migration Plan is not in the scope of REC Qualification and will be managed by the programme.</t>
  </si>
  <si>
    <t>Legacy Supplier requirements for e.g. the Gaining Supplier in a Reverse Migration are not in the scope of REC Qualification as Suppliers will need to ensure they can meet these requirements from M11 / M12 which may precede Qualification.</t>
  </si>
  <si>
    <t>QAD question to assure the Supplier’s understanding of the migration process and the options available through a Switch e.g. option to forward migrate or retain metering point in legacy arrangements.</t>
  </si>
  <si>
    <t>PIT evidence and Qualification Testing to demonstrate end to end migration with and without Switch. This should be captured as a separate scenario under the MEM appointment process described above.</t>
  </si>
  <si>
    <t>ISD – Suppliers required to receive ISD updates</t>
  </si>
  <si>
    <t>MHHS-BR-SU-123</t>
  </si>
  <si>
    <t>QAD question to determine whether the Supplier is amending existing systems / processes.</t>
  </si>
  <si>
    <t>PIT evidence demonstrating how the Supplier maintains standing data.</t>
  </si>
  <si>
    <t>MHHS-BR-SU-122</t>
  </si>
  <si>
    <t>Suppliers are required to receive data via a variety of new DIP interfaces. These have been referenced against the specific processes detailed above and will be captured in testing as required. This row has been included to captured generic DIP related requirements and is not proposing any addition testing above that already detailed above.</t>
  </si>
  <si>
    <t>QAD question regarding approach to implementing the new DIP interfaces and controls in place to manage message exceptions.</t>
  </si>
  <si>
    <t xml:space="preserve">The Code Manager will require evidence of coverage of the DIP Interface within Qualification Testing. This will capture core business processes where the Supplier is sending messages to the Registration Service to initiate further downstream activities. </t>
  </si>
  <si>
    <t>MHHS-BR-SU-123.1</t>
  </si>
  <si>
    <t>MHHS-BR-SU-123.2</t>
  </si>
  <si>
    <t>All Parties must derive and populate the DIP addressing (primary recipients) for all outbound interfaces in line with the rules described in the interface specification.</t>
  </si>
  <si>
    <t>MHHS-BR-SU-124</t>
  </si>
  <si>
    <t>All Parties must process data and share outputs with other parties in line with timescales set out in the Operational Choreography document.</t>
  </si>
  <si>
    <t>MHHS-BR-SU-126</t>
  </si>
  <si>
    <t>MHHS-BR-SU-127</t>
  </si>
  <si>
    <t>MHHS-BR-SU-128</t>
  </si>
  <si>
    <t>MHHS-BR-SU-129</t>
  </si>
  <si>
    <t>All Parties must have familiarity with and actively monitor any Data Integration Platform tools for tracking messages, as outlined in the End to End Solution Architecture, so that the necessary investigative action can be taken when required.</t>
  </si>
  <si>
    <t>MHHS-BR-SU-140</t>
  </si>
  <si>
    <t>All Parties must maintain and update their records with any data received on interfaces to ensure the most accurate and efficient delivery of the service.</t>
  </si>
  <si>
    <t>MEM</t>
  </si>
  <si>
    <t>Metering Service Appointment / De-appointment – with and without a Switch / Initial Registration</t>
  </si>
  <si>
    <t>MHHS-BR-MS-001</t>
  </si>
  <si>
    <t>Metering Service must obtain Registration Service Request for Service Appointment with Metering Service proposed appointment requests, via the appropriate interface on the Data Integration Platform.</t>
  </si>
  <si>
    <t>Retail Risk 2: The privacy of consumer data is compromised by inappropriate use of parties' processes and protocols.</t>
  </si>
  <si>
    <t>New event driven architecture and reduced settlement timetable requires appointment activities to completed in a timely manner.</t>
  </si>
  <si>
    <t>Includes sending and receiving DIP interfaces (IF-033, IF-034. IF-035, IF-036. IF-037) and sending MTDs via the IF005 and relevant DTN flows.</t>
  </si>
  <si>
    <t>QAD question(s) regarding the MEM implementation of the revised appointment process. In particular this should capture:</t>
  </si>
  <si>
    <t>- The distinction between new market segments and the need to review appointment requests to ensure they have the appropriate Qualification.</t>
  </si>
  <si>
    <t>- The approach to design, build and test of the new end to end process including the new DIP interfaces.</t>
  </si>
  <si>
    <t>- Controls in place to ensure responses are sent within MHHS defined timescales.</t>
  </si>
  <si>
    <t>- Change required to reflect the new MEM Market Roles within DTN messaging.</t>
  </si>
  <si>
    <t>- Recognition of scenarios where the MEM will be auto de-appointed by the Registration Service e.g. following registration de-activation.</t>
  </si>
  <si>
    <t>- Recognition of the approach to managing appointments for relating and import / export Metering Points.</t>
  </si>
  <si>
    <t>PIT evidence demonstrating MEM testing of the new process, including different scenarios: Switch, Change of MEM without a Switch (including change of Market Segment) and Initial Registration for different market segments. Testing to include the new DTN market roles and new DIP interfaces using the DIP Simulator.</t>
  </si>
  <si>
    <t>MHHS-BR-MS-002</t>
  </si>
  <si>
    <t>Metering Service must confirm that they are certified to service the connection type and able to contractually deliver the Metering Service based on the information contained in the proposed appointment request and publish a response (acceptance or rejection) on the Data Integration Platform via the appropriate interface. Where a request is rejected the Metering Service must provide an appropriate rejection reason in the response. When the appointment request is accepted the Metering Service should be aware that at this point the appointment remains "prospective" and there is a possibility that it may need to be lapsed at a later stage.</t>
  </si>
  <si>
    <t>MHHS-BR-MS-003</t>
  </si>
  <si>
    <t xml:space="preserve">Metering Service must, for any proposed appointments it rejects, delete any metering details received, within 30 days of notifying the rejection. </t>
  </si>
  <si>
    <t>MHHS-BR-MS-004</t>
  </si>
  <si>
    <t>Metering Service must be able to process requests to vary the conditions of an existing appointment received via the appropriate interface. For example change of contract code. These should be validated and an outcome returned using the appropriate interface. In the case of rejection the existing appointment will continue unamended.</t>
  </si>
  <si>
    <t>MHHS-BR-MS-005</t>
  </si>
  <si>
    <t>Metering Service must obtain Registration Service Notification of Service De-Appointments via the appropriate interface on the Data Integration Platform and maintain records accordingly.</t>
  </si>
  <si>
    <t>MHHS-BR-MS-006</t>
  </si>
  <si>
    <t>Metering Service must obtain Registration Service Appointment Status Notifications, with prospective Metering Service appointments, via the appropriate interface on the Data Integration Platform and maintain records of prospective Metering Service.</t>
  </si>
  <si>
    <t>MHHS-BR-MS-006.1</t>
  </si>
  <si>
    <t>Metering Service must obtain Registration Service Appointment Status Notification updates, acknowledging the Prospective Metering Service accepted/rejected appointments, via the appropriate interface on the Data Integration Platform and maintain records accordingly.</t>
  </si>
  <si>
    <t>MHHS-BR-MS-007</t>
  </si>
  <si>
    <t>Metering Service must obtain Registration Service Notification of Service Appointment &amp; Supporting Info updates, with confirmed Metering Service appointments, via the appropriate interface on the Data Integration Platform and update records with MPAN and Meter Technical Details (ADS and SDS only). For the avoidance of doubt this is the message that indicates that an appointment will/has taken effect.</t>
  </si>
  <si>
    <t>MHHS-BR-MS-008</t>
  </si>
  <si>
    <t>MSA/MSS must obtain Export MPAN appointments via the appropriate interface on the Data Integration Platform and update records with registration and metering details. MSA/MSS should note this message will be automatically triggered when a change of Metering Service has successfully completed for the linked import MPAN. (i.e. acceptance of the Export MPAN was implicit in the accepting the appointment to the Import MPAN).</t>
  </si>
  <si>
    <t>MHHS-BR-MS-008.1</t>
  </si>
  <si>
    <t>MSA/MSS must obtain Related MPAN appointments via the appropriate interface on the Data Integration Platform and update records with registration and metering details. MSA/MSS should note this message will be automatically triggered when a change of Metering Service has successfully completed for the Primary Related MPAN.</t>
  </si>
  <si>
    <t>MHHS-BR-MS-009</t>
  </si>
  <si>
    <t>MSA/MSS must obtain Export MPAN de-appointments via the appropriate interface on the Data Integration Platform and maintain records accordingly. MSA/MSS should note this message will be automatically triggered when a change of Metering Service has successfully completed for the linked import MPAN.</t>
  </si>
  <si>
    <t>MHHS-BR-MS-009.1</t>
  </si>
  <si>
    <t>MSA/MSS must obtain Related MPAN de-appointments via the appropriate interface on the Data Integration Platform and maintain records accordingly. MSA/MSS should note this message will be automatically triggered when a change of Metering Service has successfully completed for the Primary Related MPAN.</t>
  </si>
  <si>
    <t>MHHS-BR-MS-017</t>
  </si>
  <si>
    <t>MSA must be able to send Meter Technical Details and commissioning information to a prospective MSA, on receipt of a notification of that prospective MSA, via the appropriate interface. In the case where Related MPANs or Import/Export linked meters are notified with the prospective MSA, Meter Technical Details must be sent for all the MPANs in the Related MPAN or Import/Export group.</t>
  </si>
  <si>
    <t>MHHS-BR-MS-018</t>
  </si>
  <si>
    <t>MSS must be able to send Meter Technical Details to a prospective MSS for Traditional meters, on receipt of a notification of that prospective MSS, via the appropriate interface. In the case where Related MPANs or Import/Export linked meters are notified with the prospective MSA, Meter Technical Details must be sent for all the MPANs in the Related MPAN or Import/Export group.</t>
  </si>
  <si>
    <t>MHHS-BR-MS-019</t>
  </si>
  <si>
    <t>MSA must be able to receive Meter Technical Details and commissioning information from the incumbent Metering Service via the appropriate interfaces and maintain records accordingly.</t>
  </si>
  <si>
    <t>MHHS-BR-MS-020</t>
  </si>
  <si>
    <t>MSS must be able to receive Meter Technical Details from the incumbent Metering Service for Traditional meters via the appropriate interface and maintain records accordingly.</t>
  </si>
  <si>
    <t>MHHS-BR-MS-021</t>
  </si>
  <si>
    <t>MSA/MSS must investigate with the Metering Service where Meter Technical Details are not received for Advanced/ Traditional meters in expected timescales as outlined in the Operational Choreography.</t>
  </si>
  <si>
    <t>MHHS-BR-MS-022</t>
  </si>
  <si>
    <t>MSA/MSS must be able to investigate any discrepancies in Meter Technical Details received from the incumbent Metering Service and those received from the Registration Service. This should identify if Meter Technical Details have been updated between the Metering Service originally receiving the MTDs from the incumbent Metering Service and the time the appointment is confirmed by the Registration Service. In these circumstances the new Metering Service should request a refresh of the MTDs from the incumbent Metering Service.</t>
  </si>
  <si>
    <t>MHHS-BR-MS-023</t>
  </si>
  <si>
    <t>MSA must be able to send Meter Technical Details to the Supplier, LDSO and Data Service via the appropriate interface. In the event that the Meter Technical Details get refreshed from the incumbent MSA, the new MSA should re-send the MTDs on to the Supplier, LDSO and Data Service.</t>
  </si>
  <si>
    <t>MHHS-BR-MS-024</t>
  </si>
  <si>
    <t>MSS must be able to send Meter Technical Details to the Supplier, LDSO and Data Service for Traditional meters via the appropriate interface. In the event that the Meter Technical Details get refreshed from the incumbent MSS, the new MSS should re-send the MTDs on to the Supplier, LDSO and Data Service.</t>
  </si>
  <si>
    <t>MHHS-BR-MS-025</t>
  </si>
  <si>
    <t>Metering Service must obtain Registration Service Appointment Status Notifications, with Metering Service lapsed appointments, via the appropriate interface on the Data Integration Platform and update records accordingly so as to ensure that that the appointment does not become effective. Metering Service must delete meter technical details received for all lapsed appointments within 30 days.</t>
  </si>
  <si>
    <t>MHHS-BR-MS-040</t>
  </si>
  <si>
    <t>Metering Service must obtain Registration Service Notification of Service De-Appointments, with a de-appointment reason of disconnection, via the appropriate interface on the Data Integration Platform and maintain records accordingly.</t>
  </si>
  <si>
    <t>MHHS-BR-MS-086</t>
  </si>
  <si>
    <t>MSA/MSS must, on receipt of updated customer details delete or obfuscate the previously held customer details as soon as they are no longer required.</t>
  </si>
  <si>
    <t>MHHS-BR-MS-087</t>
  </si>
  <si>
    <t>MSA/MSS must receive Priority Service Details from the Supplier via the appropriate interface and maintain records accordingly.</t>
  </si>
  <si>
    <t>MHHS-BR-MS-088</t>
  </si>
  <si>
    <t>MSA/MSS must, on receipt of updated PSR details delete or obfuscate the previously held PSR details as soon as they are no longer required.</t>
  </si>
  <si>
    <t>MHHS-BR-MS-088.1</t>
  </si>
  <si>
    <t>MSA/MSS must, on receipt of a de-appointment notification becoming effective, delete or obfuscate the previously held PSR and customer details as soon as they are no longer required.</t>
  </si>
  <si>
    <t>Manage Customer Direct Contract</t>
  </si>
  <si>
    <t>MHHS-BR-MS-010</t>
  </si>
  <si>
    <t>Metering Service must publish a Customer Direct Contract Advisory on the Data Integration Platform via the appropriate interface for each MPAN that forms part of the contract, this will also include the contract end date. This can be done only where a contract has been formally agreed with the customer.</t>
  </si>
  <si>
    <t>Whilst this is a new process introduced for MHHS, the impact on parties and consumers is relatively low as the flag is an optional indicator for Suppliers to get visibility of Customer Direct Contracts.</t>
  </si>
  <si>
    <t>QAD question regarding the maintenance of Customer Direct Contract data and seeking assurance that the MEM understands the requirements and has systems and processes in place to maintain the data within the Registration Service.</t>
  </si>
  <si>
    <t>PIT evidence demonstrating MEM testing of the new process using the DIP Simulator.</t>
  </si>
  <si>
    <t xml:space="preserve">End to end business process to be assured through Qualification Testing within the UIT environment, including integration with the Registration Service or an equivalent stub . </t>
  </si>
  <si>
    <t>MHHS-BR-MS-011</t>
  </si>
  <si>
    <t>Metering Service must obtain Registration Service Customer Direct Contract Advisory Responses via the appropriate interface on the Data Integration Platform.</t>
  </si>
  <si>
    <t>MHHS-BR-MS-012</t>
  </si>
  <si>
    <t>Metering Service must, for accepted responses, maintain records to show which MPANs have been flagged as a customer direct contract.</t>
  </si>
  <si>
    <t>MHHS-BR-MS-013</t>
  </si>
  <si>
    <t xml:space="preserve">Metering Service must continue to manually coordinate the appointment of MPANs within the contract with other industry participants. </t>
  </si>
  <si>
    <t>MHHS-BR-MS-014</t>
  </si>
  <si>
    <t>Metering Service must have the ability to cancel or change the end date of a customer direct contract using the appropriate interface on the Data Integration platform.</t>
  </si>
  <si>
    <t>MHHS-BR-MS-015</t>
  </si>
  <si>
    <t>Metering Service must investigate any rejections of customer direct contracts and re-submit as appropriate.</t>
  </si>
  <si>
    <t>MHHS-BR-MS-016</t>
  </si>
  <si>
    <t>Metering Service must, in the case of rejection for an existing contract, liaise with their customer and other participants to determine why it appears overlapping contracts might exist.</t>
  </si>
  <si>
    <t>Change of Data Service – the MEM is captured within these requirements on the basis they must send MTDs to the new DS</t>
  </si>
  <si>
    <t>MHHS-BR-MS-026</t>
  </si>
  <si>
    <t>Metering Service must obtain Registration Service Appointment Status Notifications, with prospective Data Service appointments, via the appropriate interface on the Data Integration Platform and maintain records of prospective Data Service.</t>
  </si>
  <si>
    <t>The MEM is required to send MTDs to the Data Service to support settlement activities. NB: Whilst this does not have direct retail risk impact, inaction or delay in action from MEM can lead to inaccurate meter point data being held across the agents.</t>
  </si>
  <si>
    <t>Receipt of IF035 and IF036 DIP interfaces will be covered through the MEM appointment testing.</t>
  </si>
  <si>
    <t>The MTDs will be sent via existing DTN flows, so the impact is limited to the change required to reflect the new Market Roles.</t>
  </si>
  <si>
    <t>QAD question regarding the end to end Data Service Appointment process to ensure MEMs recognise the need to process IF035s relating to DS Appointment.</t>
  </si>
  <si>
    <t>QAD question regarding the change required to reflect the new Data Service Market Roles within DTN messaging.</t>
  </si>
  <si>
    <t>No Qualification Testing expected. </t>
  </si>
  <si>
    <t>MHHS-BR-MS-027</t>
  </si>
  <si>
    <t>MSA must be able to send Meter Technical Details to a prospective Advanced Data Service, on receipt of a notification of that prospective ADS, via the appropriate interface. In the case where Related MPANs or Import/Export linked meters are notified with the prospective ADS, Meter Technical Details must be sent for all the MPANs in the Related MPAN or Import/Export group.</t>
  </si>
  <si>
    <t>MHHS-BR-MS-028</t>
  </si>
  <si>
    <t>MSS must be able to send Meter Technical Details to a prospective Smart Data Service for Traditional meters, on receipt of a notification of that prospective SDS, via the appropriate interface. In the case where Related MPANs or Import/Export linked meters are notified with the prospective SDS, Meter Technical Details must be sent for all the MPANs in the Related MPAN or Import/Export group.</t>
  </si>
  <si>
    <t>MHHS-BR-MS-030</t>
  </si>
  <si>
    <t>Metering Service must obtain Registration Service Notification of Service Appointment &amp; Supporting Info updates, with confirmed Data Service appointments, via the appropriate interface on the Data Integration Platform and maintain records accordingly.</t>
  </si>
  <si>
    <t xml:space="preserve">Manage Site Technical Detail Requests </t>
  </si>
  <si>
    <t>MHHS-BR-MS-037.1</t>
  </si>
  <si>
    <t>MSA/MSS must receive site technical details from the LDSO via the appropriate interface.</t>
  </si>
  <si>
    <t>Existing requirement – MHHS change is limited to the new market roles for MEM DTN messages (D0170 / D0215)</t>
  </si>
  <si>
    <t>Change of Energisation</t>
  </si>
  <si>
    <t>MHHS-BR-MS-041</t>
  </si>
  <si>
    <t>Metering Service must be able to receive a change of energisation status request via the appropriate interface.</t>
  </si>
  <si>
    <t>Existing requirement regarding request for energisation status change. MHHS change is limited to the new market roles for MEM DTN messages (D0134 / D0179 D0010).</t>
  </si>
  <si>
    <t>However, there is a wider change to manage ongoing communication.</t>
  </si>
  <si>
    <t>No change to the actual delivery of physical meter works.</t>
  </si>
  <si>
    <t>QAD question(s) regarding the MEM implementation of the revised change of energisation process. In particular this should capture:</t>
  </si>
  <si>
    <t>PIT evidence demonstrating MEM testing of the new process. Testing to include the new DTN market roles and new DIP interfaces using the DIP Simulator.</t>
  </si>
  <si>
    <t>End to end business process to be assured through Qualification Testing within the UIT environment, including integration with the Registration Service or an equivalent stub. This should include acceptance and rejection of the initial supplier request and interaction with meter installation, exchange and removal.</t>
  </si>
  <si>
    <t>MHHS-BR-MS-042</t>
  </si>
  <si>
    <t>Metering Service must be able to receive a change of energisation status outcome from the LDSO via the appropriate interface.</t>
  </si>
  <si>
    <t>MHHS-BR-MS-042.1</t>
  </si>
  <si>
    <t>Metering Service must be able to publish a notification to the Supplier, advising when a change in energisation status cannot be actioned, to the Data Integration Platform via the appropriate interface.</t>
  </si>
  <si>
    <t>MHHS-BR-MS-043</t>
  </si>
  <si>
    <t>MSA/MSS must be able to capture Advanced and Smart cumulative reads and publish the reads to the Data Integration Platform via the appropriate interface.</t>
  </si>
  <si>
    <t>MHHS-BR-MS-044</t>
  </si>
  <si>
    <t>MSA/MSS should attempt to recover UTC Period Level Consumption Data, for Advanced and Smart meters ( not UMS or Traditional), in line with contractual agreements and share via an agreed mechanism.</t>
  </si>
  <si>
    <t>MHHS-BR-MS-045</t>
  </si>
  <si>
    <t>MSA must be able to process a change in energisation status for an Advanced meter and provide register reads to the Data Service via the appropriate interface.</t>
  </si>
  <si>
    <t>MHHS-BR-MS-046</t>
  </si>
  <si>
    <t>MSS must be able to process a change in energisation status for a Traditional meter and provide register reads to Data Service via the appropriate interface.</t>
  </si>
  <si>
    <t>MHHS-BR-MS-046.1</t>
  </si>
  <si>
    <t>MSS must, for traditional pre payment meters, issue a D0179 to the Supplier via the appropriate interface.</t>
  </si>
  <si>
    <t>MHHS-BR-MS-049</t>
  </si>
  <si>
    <t>Metering Service must be able to provide updated energisation status details to the Data Integration Platform via the appropriate interface.</t>
  </si>
  <si>
    <t>MHHS-BR-MS-050</t>
  </si>
  <si>
    <t>Metering Service must be able to obtain and process Registration Service Notification of Change of Energisation Status updates via the appropriate interface on the Data Integration Platform. Any rejections should be investigated and re-submitted as appropriate.</t>
  </si>
  <si>
    <t>Meter Works – including install, remove, exchange, plus general fault resolution</t>
  </si>
  <si>
    <t>High</t>
  </si>
  <si>
    <t>Existing approach to requesting change (D0142, D0001), managing issues where activity has failed to complete (D0002, D0221), sending MTDs (D0149 / 150 and D0268) and carrying out Proving Tests.</t>
  </si>
  <si>
    <t>However, there is a wider change to manage ongoing communications of reads and MTDs.</t>
  </si>
  <si>
    <t>No change to the actual delivery of physical meter works – change is focused on the communication.</t>
  </si>
  <si>
    <t xml:space="preserve">Risk rating driven by the fact this is a high frequency activity with a number of new DIP interfaces. </t>
  </si>
  <si>
    <t>QAD question(s) regarding the MEM implementation of the revised metering process. In particular this should capture:</t>
  </si>
  <si>
    <t>End to end business process to be assured through Qualification Testing within the UIT environment, including integration with the Registration Service or an equivalent stub. This should include acceptance and rejection of the initial supplier request and interaction with change of energisation process.</t>
  </si>
  <si>
    <t>MHHS-BR-MS-051</t>
  </si>
  <si>
    <t>MSA/MSS must be able to receive a metering request via the appropriate interface and arrange for the meter works as per the request.</t>
  </si>
  <si>
    <t>MHHS-BR-MS-052</t>
  </si>
  <si>
    <t>MSA/MSS must be able to notify a Fault Resolution Report or Request for decision on Further action via the appropriate interface.</t>
  </si>
  <si>
    <t>MHHS-BR-MS-053</t>
  </si>
  <si>
    <t>MSA/MSS must be able to provide Notification of Failure to Install or Energise Metering System via the appropriate interface.</t>
  </si>
  <si>
    <t>MHHS-BR-MS-054</t>
  </si>
  <si>
    <t>MSA/MSS must be able to capture cumulative reads from the meter while on site.</t>
  </si>
  <si>
    <t>MHHS-BR-MS-055</t>
  </si>
  <si>
    <t>MSA/MSS must, in line with bilateral service agreements, be able to capture Advanced and Smart UTC Period Level Consumption Data and provide the data to the Supplier.</t>
  </si>
  <si>
    <t>MHHS-BR-MS-056</t>
  </si>
  <si>
    <t>MSA/MSS must be able to install, remove and exchange meters in line with industry codes.</t>
  </si>
  <si>
    <t>MHHS-BR-MS-057</t>
  </si>
  <si>
    <t>MSA/MSS must, if required, be able to update the energisation status of a newly fitted meter.</t>
  </si>
  <si>
    <t>MHHS-BR-MS-058</t>
  </si>
  <si>
    <t>MSA/MSS must be able to publish updated metering details on the Data Integration Platform via the appropriate interface.</t>
  </si>
  <si>
    <t>MHHS-BR-MS-058.1</t>
  </si>
  <si>
    <t>MSA/MSS must notify the MAP of installation/ removal of assets using the appropriate interface.</t>
  </si>
  <si>
    <t>MHHS-BR-MS-058.2</t>
  </si>
  <si>
    <t>MSA/MSS must receive updates to the Meter Asset Provider (MAP) via the appropriate interface and maintain records accordingly.</t>
  </si>
  <si>
    <t>MHHS-BR-MS-058.3</t>
  </si>
  <si>
    <t>MSA/MSS must publish updated MAP details on the Data Integration Platform via the appropriate interface.</t>
  </si>
  <si>
    <t>MHHS-BR-MS-059</t>
  </si>
  <si>
    <t>MSA/MSS must be able to obtain and process meter change acceptances received via the appropriate interface on the Data Integration Platform.</t>
  </si>
  <si>
    <t>MHHS-BR-MS-060</t>
  </si>
  <si>
    <t>MSA/MSS must be able to obtain and investigate feedback on meter change rejections received via the appropriate interface on the Data Integration Platform.</t>
  </si>
  <si>
    <t>MHHS-BR-MS-061</t>
  </si>
  <si>
    <t>MSA/MSS must,  for Smart and Advanced meters, be able to publish meter change cumulative reads on the Data Integration Platform via the appropriate interface.</t>
  </si>
  <si>
    <t>MHHS-BR-MS-062</t>
  </si>
  <si>
    <t>MSA must be able to send , following receipt of a meter change acceptance from the Registration Service, Meter Technical Details, commissioning details and register meter readings  via the appropriate interfaces to the Data Service, Supplier and LDSO.</t>
  </si>
  <si>
    <t>MHHS-BR-MS-063</t>
  </si>
  <si>
    <t>MSS must be able to send, following receipt of a meter change acceptance from the Registration Service, Meter Technical Details, mapping details and register meter readings via the appropriate interface to the Data Service, Supplier and LDSO.</t>
  </si>
  <si>
    <t>MHHS-BR-MS-078</t>
  </si>
  <si>
    <t>MSA must investigate and provide feedback on any faulty equipment notified by the ADS or Supplier via the appropriate interfaces as outlined in Retail Energy Code (REC) Schedule 14 – Metering Operations.</t>
  </si>
  <si>
    <t>MHHS-BR-MS-079</t>
  </si>
  <si>
    <t xml:space="preserve">MSS must investigate any faulty equipment notified by the Supplier via the appropriate interface as outlined in Retail Energy Code (REC) Schedule 14 – Metering Operations. </t>
  </si>
  <si>
    <t>MHHS-BR-MS-080.1</t>
  </si>
  <si>
    <t>MSA must manage proving test processes in line with the existing Half Hourly Data Collection processes as outlined in BSCP-502 section 3.5.</t>
  </si>
  <si>
    <t>MTD Update</t>
  </si>
  <si>
    <t>There are no specific requirements within MHHS relating to generic update to MTDs outside a wider metering business process.</t>
  </si>
  <si>
    <t>In practice MEMs are required to maintain MTDs and provide updates where attributes change or where they identify an earlier error. This is captured by a Meter Update or Meter History Update within the IF005.</t>
  </si>
  <si>
    <t>QAD question regarding the MEM approach to providing generic meter updates.</t>
  </si>
  <si>
    <t>PIT evidence demonstrating MEM testing of the interface using the DIP Simulator.</t>
  </si>
  <si>
    <t>End to end business process to be assured through Qualification Testing within the UIT environment, including integration with the Registration Service or an equivalent stub. This should include positive and negative testing to reflect the IF005 validation rules.</t>
  </si>
  <si>
    <t xml:space="preserve">Maintenance of Registration Data </t>
  </si>
  <si>
    <t>MHHS-BR-MS-065</t>
  </si>
  <si>
    <t>Metering Service must obtain MPL address/ GSP Group ID updates via the appropriate interface on the Data Integration Platform and maintain records accordingly.</t>
  </si>
  <si>
    <t>- MPL Address: No change to approach for updating MPL address. MEM  to receive update via IF018.</t>
  </si>
  <si>
    <t>- Domestic Premises Indicator: MEM will receive update via IF018.</t>
  </si>
  <si>
    <t>- Related MPAN: Key data for MEM to be aware of. MEM will receive update via IF020.</t>
  </si>
  <si>
    <t>- Energy Direction: MEM to receive update via IF018.</t>
  </si>
  <si>
    <t>- Metered Status: MEM  to receive update via IF018.</t>
  </si>
  <si>
    <t>- SMSO details: MEM to receive updates via IF026.</t>
  </si>
  <si>
    <t>- Import / Export association: governed under the BSC. Key data for MEM to be aware of. MEM will receive update via IF020.</t>
  </si>
  <si>
    <t xml:space="preserve">- Profile Class / SSC details: MEM to receive updates via IF026. </t>
  </si>
  <si>
    <t>QAD question regarding maintenance of registration  data – noting that the only design change is receipt of data via a DIP interface. Propose a specific question regarding Related Metering Points and Import / Export associations based on the new appointment considerations.</t>
  </si>
  <si>
    <t>Qualification Testing scope to be confirmed one DIP Connectivity Testing scope if made available. The Code Manager will need assurance that one receipt of updates via the DIP, the data held by the MEM is updated</t>
  </si>
  <si>
    <t>MHHS-BR-MS-066</t>
  </si>
  <si>
    <t>MSA/MSS must obtain domestic premise indicator updates via the appropriate interface on the Data Integration Platform, maintain records accordingly and consider impacts to service delivery as required.</t>
  </si>
  <si>
    <t>MHHS-BR-MS-066.1</t>
  </si>
  <si>
    <t>MSA/MSS must be able to obtain Related MPAN updates via the appropriate interface on the Data Integration Platform and maintain records accordingly.</t>
  </si>
  <si>
    <t>MHHS-BR-MS-066.2</t>
  </si>
  <si>
    <t>Metering Service must be able to obtain Energy Direction updates via the appropriate interface on the Data Integration Platform and maintain records accordingly.</t>
  </si>
  <si>
    <t>MHHS-BR-MS-066.3</t>
  </si>
  <si>
    <t>Metering Service must be able to obtain Metered Status updates via the appropriate interface on the Data Integration Platform and maintain records accordingly.</t>
  </si>
  <si>
    <t>MHHS-BR-MS-066.4</t>
  </si>
  <si>
    <t>MSS must obtain SMSO updates from Registration Service via the appropriate interface on the Data Integration Platform and maintain records accordingly.</t>
  </si>
  <si>
    <t>MHHS-BR-MS-066.5</t>
  </si>
  <si>
    <t>Metering Service must be able to obtain Import/Export linkage updates via the appropriate interface on the Data Integration Platform and maintain records accordingly.</t>
  </si>
  <si>
    <t>MHHS-BR-MS-066.6</t>
  </si>
  <si>
    <t>Metering Service must obtain legacy data item (Profile Class/SSC) updates from Registration Service via the appropriate interface on the Data Integration Platform and maintain records accordingly.</t>
  </si>
  <si>
    <t>MHHS-BR-MS-077</t>
  </si>
  <si>
    <t>All services, where required, must be able to identify (using the appropriate interface) and appropriately manage related MPANs as described in the relevant BSCP.</t>
  </si>
  <si>
    <t>MHHS-BR-MS-092</t>
  </si>
  <si>
    <t>MSA/MSS must, following initial engagement from a Supplier, be able to receive a request to carry out a Change of Segment meter exchange, via a bilaterally agreed mechanism, even when they are not the currently appointed Metering Service.</t>
  </si>
  <si>
    <t>No change to existing interactions with the DNO regarding change to connection type.</t>
  </si>
  <si>
    <t>Also existing approach for the Supplier to request a meter exchange (NB: the change to DTN flows to reflect new market roles).</t>
  </si>
  <si>
    <t>However, the link with agent appointment and choreography issues increased the risk associated with the process to be tested, including various scenarios to test sequencing of activities.</t>
  </si>
  <si>
    <t>QAD question regarding the end to end change of market segment process, ensuring the MEM understands how these come together into a single business process is key.</t>
  </si>
  <si>
    <t>QAD should be seeking assurance that the MEM understands the relevance of this process to wider aspects of the business e.g. appointment / de-appointment of agents.</t>
  </si>
  <si>
    <t>End to end business process to be assured through Qualification Testing within the UIT environment, including integration with the Registration Service or an equivalent stub. This is a combination of a MEM Appointment and Meter Exchange scenario therefore listed separately.</t>
  </si>
  <si>
    <t>MHHS-BR-MS-093</t>
  </si>
  <si>
    <t>MSA/MSS must respond to the Supplier, via a bilaterally agreed mechanism, confirming that they can carry out the Change of Segment exchange on the agreed target date.</t>
  </si>
  <si>
    <t>MHHS-BR-MS-094</t>
  </si>
  <si>
    <t xml:space="preserve">MSA/MSS must be able to publish Change of Segment Meter Exchange details and reads via the appropriate interfaces, where it is not formally appointed as the Metering Service but does have an accepted prospective appointment (Appointment Scenario = "SEG"). The MSA/MSS must issue the work update to Registration at the earliest opportunity but within [x] days of completion at the latest. </t>
  </si>
  <si>
    <t>MHHS-BR-MS-095</t>
  </si>
  <si>
    <t>MSA/MSS must be able to obtain a Registration Service Change of Segment Meter Exchange confirmation with MTDs and readings via the appropriate interface on the Data Integration Platform, even when it is from a 3rd party Metering Service.</t>
  </si>
  <si>
    <t>MHHS-BR-MS-096</t>
  </si>
  <si>
    <t>MSA must be able to receive Commissioning details from the LDSO following a connection type update, via the appropriate interface, and maintain records accordingly.</t>
  </si>
  <si>
    <t>MHHS-BR-MS-097</t>
  </si>
  <si>
    <t>MSA/MSS must be able to obtain Registration Service Change of Connection Type notifications via the appropriate interface on the Data Integration Platform and maintain records accordingly.</t>
  </si>
  <si>
    <t>MHHS-BR-MS-097.1</t>
  </si>
  <si>
    <t xml:space="preserve">MSA/MSS must obtain Invalid Market Segment Advisory notifications, sent from the Registration Service on the Data Integration Platform, via the appropriate interface. </t>
  </si>
  <si>
    <t>Retail Risk 7: Inaccurate meter point master data results in errors that impact consumers</t>
  </si>
  <si>
    <t>The migration process will be similar to a standard change of agent, therefore testing will be required as separate appointment scenario’s (Switch and non Switch). However, MEMs will need to support data cleanse activity (especially with regards to quality of MTDs) in preparation for migration.</t>
  </si>
  <si>
    <t>Legacy MEM requirements for e.g. the Gaining MEM in a Reverse Migration or a Losing MEM in a forward migration are not in the scope of Code Qualification as MEMs will need to ensure they can meet these requirements from M11 / M12 which may precede Qualification.</t>
  </si>
  <si>
    <t>QAD question to assure the MEM’s understanding of the migration process and how this differs from a standard change of agent.</t>
  </si>
  <si>
    <t>QAD question to understand how MEMs will ensure MTD accuracy for migration.</t>
  </si>
  <si>
    <t>PIT evidence and Qualification Testing to demonstrate end to end migration with and without Switch. This should be captured as a separate scenario under the MEM appointment process described above</t>
  </si>
  <si>
    <t>ISD – MEMs required to receive ISD updates</t>
  </si>
  <si>
    <t>MHHS-BR-MS-071</t>
  </si>
  <si>
    <t xml:space="preserve">All services must obtain Industry Standing Data (ISD) update notifications via the appropriate interface, and if required take necessary steps to obtain refreshed ISD data, maintain their records accordingly and reference/ utilise ISD as appropriate as part of the service delivery. </t>
  </si>
  <si>
    <t xml:space="preserve">The majority of ISD data required to support retail activities is available within the EES. </t>
  </si>
  <si>
    <t>QAD question to determine whether the MEM is amending existing systems / processes.</t>
  </si>
  <si>
    <t>PIT evidence demonstrating how the MEM maintains standing data.</t>
  </si>
  <si>
    <t>MHHS-BR-MS-070</t>
  </si>
  <si>
    <t>MSA/MSS must publish data following ISO8601 format - YYYY-MM-DDTHH:MM:SS±TZH:TZM.</t>
  </si>
  <si>
    <t>MEMs are required to receive data via a variety of new DIP interfaces. These have been referenced against the specific processes detailed above and will be captured in testing as required. This row has been included to captured generic DIP related requirements and is not proposing any addition testing above that already detailed above.</t>
  </si>
  <si>
    <t>Qualification Testing to capture core business processes where the MEM is sending messages to the Registration Service regarding metering related activities.</t>
  </si>
  <si>
    <t>MHHS-BR-MS-071.1</t>
  </si>
  <si>
    <t>All services must utilise Industry Standing Data to identify the relevant DIP ID/Role or DTN Market Participant ID/Role, as appropriate, to be used when communicating over the DIP/DTN.</t>
  </si>
  <si>
    <t>MHHS-BR-MS-071.2</t>
  </si>
  <si>
    <t>All services must derive and populate the DIP addressing (primary recipients) for all outbound interfaces in line with the rules described in the interface specification.</t>
  </si>
  <si>
    <t>MHHS-BR-MS-072</t>
  </si>
  <si>
    <t>All services must process data and share outputs with other parties in line with timescales set out in the Operational Choreography document.</t>
  </si>
  <si>
    <t>MHHS-BR-MS-073</t>
  </si>
  <si>
    <t>All Services must obtain Data Integration Platform error messages in line with the End to End Solution Architecture, review the impacted data and re-issue corrected messages/transactions as required.</t>
  </si>
  <si>
    <t>MHHS-BR-MS-074</t>
  </si>
  <si>
    <t>All services, when transacting via the DIP, must ensure that they implement monitoring so as to identify where expected responses are not received within standard DIP SLA's, as outlined in the Operational Choreography, so that the appropriate investigative/ resolution activity can be undertaken.</t>
  </si>
  <si>
    <t>MHHS-BR-MS-075</t>
  </si>
  <si>
    <t>All services must have familiarity with and actively monitor any Data Integration Platform tools for tracking flows, as outlined in the End to End Solution Architecture, so that the necessary investigative action can be taken when required.</t>
  </si>
  <si>
    <t>MHHS-BR-MS-083</t>
  </si>
  <si>
    <t>All Services should implement data validation steps and techniques that they feel are appropriate to ensure the most accurate and efficient delivery of the service.</t>
  </si>
  <si>
    <t>MHHS-BR-MS-091</t>
  </si>
  <si>
    <t>All Services must maintain and update their records with any data received on interfaces to ensure the most accurate and efficient delivery of the service.</t>
  </si>
  <si>
    <t>MHHS Requirement Description</t>
  </si>
  <si>
    <t>MHHS Reference</t>
  </si>
  <si>
    <t>Assumptions:</t>
  </si>
  <si>
    <t>The REC Code Manager has made the following assumptions, which may be revised as further information is made available:</t>
  </si>
  <si>
    <t>•         No Qualification Testing will be required where MHHS requirements are entirely reflective of existing functionality. For example, existing Data Transfer Network (DTN) interfaces that will be retained under MHHS, Supplier interfaces with CSS, execution of on-site metering works by MEMs.</t>
  </si>
  <si>
    <t>•         The Data Interface Platform (DIP) Manager / MHHS Programme will support Programme participants’ onboarding to the DIP, including appointment of security officers and provision of testing security certificates.</t>
  </si>
  <si>
    <t>•         Previously, we had assumed the DIP Manager / MHHS Programme will provide a minimum level of DIP Connectivity Testing, which covers testing the sending / receipt of each DIP Interface relevant to each market role the participant is applying to qualify for, and were intending to place reliance on this testing to support Qualification. However, the scope of testing completed as part of DIP onboarding has been clarified and is no longer expected to cover the sending / receipt of each DIP interface relevant to each market role the participant is applying to qualify for. Instead, it will only cover the sending and receipt of one DIP interface. Therefore, requirements previously marked as covered by DIP Connectivity Testing have now been moved into the scope for Qualification Testing.</t>
  </si>
  <si>
    <t>•         No testing is required for the Unmetered Supplies Operator (UMSO) under the REC.</t>
  </si>
  <si>
    <t>•         Where Qualification Testing is required in the UIT environment, SIT test scenarios will cover the required scope of testing and will be adapted for use by the REC Code Manager and BSCCo. Where required, test scenarios may be combined to facilitate end-to-end scenarios which allow coverage of more requirements through fewer tests.</t>
  </si>
  <si>
    <t>•         Appointment of Data Service, Transfer of Reads, Data Collection, Data Processing, Annual Consumption and Consumption Amendment processes are not governed under the REC and therefore not captured in this document. The Code Manager will place reliance on BSC-led testing to mitigate any associated REC risks.</t>
  </si>
  <si>
    <t>•         MEMs will need to specify whether they wish to Qualify for Smart and / or Advanced Market Segments and their individual Qualification requirements will reflect this. This may require creation of new test case variant than SIT to ensure each participant can demonstrate sufficient coverage of the process during testing for the Market Segment they intend to operate in.</t>
  </si>
  <si>
    <t>•         Supplier role doesn’t accommodate Qualification to be restricted to only Smart or only Advanced Market Segment. Therefore, all Suppliers will be required to demonstrate they have systems and processes in place to manage both Market Segments to gain MHHS Qualification.</t>
  </si>
  <si>
    <t>•         BSC PAB have however approved that Suppliers who do not operate or intend to operate Unmetered Supplies (UMS) can opt for an exemption from those requirements for MHHS Qualification. These are governed under the BSC only and therefore do not impact the Supplier’s scope for MHHS Qualification under the REC.</t>
  </si>
  <si>
    <t>•         Non-Functional Requirements will be assured in line with the approach proposed within MHHS-DEL2128 NFR Categorisation document produced by MHHS Programme through consultation with the Non-Functional Testing Working Group (NFTWG) and reviewed by BSC and REC.</t>
  </si>
  <si>
    <t>•         Registration Service functionality relating to exchange and validation of DIP Interfaces sits with the Supplier Meter Registration Service (SMRS) under the Balancing and Settlement Code (BSC) governance. Therefore, REC will place reliance on BSC testing, provided this includes testing of all DIP interactions relevant to the Registration Service role using a version of the MPRS solution hosted by each DNO.</t>
  </si>
  <si>
    <t>•         The User Interface Testing (UIT) environment will include integration with DIP to cover level 1 and level 2 validation of DIP interface flows during testing.</t>
  </si>
  <si>
    <t>•         The UIT environment will include integration with the Registration Service, or a Registration Service emulator will be available to support testing, to cover level 3 and level 4 validation and business rule validation completed by the Registration Service.</t>
  </si>
  <si>
    <t>Navigation:</t>
  </si>
  <si>
    <t>Sheet Name</t>
  </si>
  <si>
    <t>Linked Documents</t>
  </si>
  <si>
    <t>Content</t>
  </si>
  <si>
    <t>Functional Assessment Criteria</t>
  </si>
  <si>
    <t>Migration Assessment Criteria</t>
  </si>
  <si>
    <t>NFR Assessment Criteria</t>
  </si>
  <si>
    <t>The following assessment criteria to cover MHHS Business Requirements (Functional) by role has been developed by the REC Code Manager and approved by REC PAB on 05 September 2023.</t>
  </si>
  <si>
    <t>• 	MHHSP-BRS002 Metering Services Requirements v5.5  
• 	MHHSP-BRS003 Registration Services Requirements v5.4  
• 	MHHSP-BRS004 Supplier Overview Requirements v5.2  
• 	MHHSP-BRS005 LDSO Overview Requirements v5.2 </t>
  </si>
  <si>
    <t>Date Last Updated</t>
  </si>
  <si>
    <t>• 	MHHS-DEL974 Migration Design Requirements Log v1.0</t>
  </si>
  <si>
    <t>The following assessment criteria to cover MHHS Migration Design Requirements by role has been developed by the REC Code Manager and presented to REC PAB for approval on 26 March 2024.</t>
  </si>
  <si>
    <t>The following assessment criteria to cover MHHS Non-Functional Requirements by role has been developed by the REC Code Manager based on MHHS-DEL2128 NFR Categorisation v2.0 and presented to REC PAB for approval on 26 March 2024.</t>
  </si>
  <si>
    <t>• 	MHHS-DEL2128 NFR Categorisation v2.0</t>
  </si>
  <si>
    <t>Change Log</t>
  </si>
  <si>
    <t>First version</t>
  </si>
  <si>
    <t>Updated to remove references to DIP Connectivity Testing as this is now part of the Qualification Testing scope.</t>
  </si>
  <si>
    <t>MHHS-Migration-CoS-RS-001</t>
  </si>
  <si>
    <t>MHHS-Migration-CoS-RS-002</t>
  </si>
  <si>
    <t>MHHS-Migration-CoS-RS-003</t>
  </si>
  <si>
    <t xml:space="preserve">In the scenario that a Legacy MPAN is switching to a MHHS Qualified Supplier, the Registration Service will send both the IF-002 and the D0217 / D0260 to the incoming Supplier at the same time. </t>
  </si>
  <si>
    <t>Each time a Pending registration is received, Registration Service to consult ISD to determine Qualification status of Supplier in respect to the status of the MPAN.</t>
  </si>
  <si>
    <t>Registration Service to send the D0217/D0260 the next working day at the very latest after the IF-002 (although in most cases the messages will be sent only a few hours apart).</t>
  </si>
  <si>
    <t>Change of Supply</t>
  </si>
  <si>
    <t>DNO (including Registration Service)</t>
  </si>
  <si>
    <t>Change of Agent</t>
  </si>
  <si>
    <t>MHHS-Migration-CoA(MS)-RS-001</t>
  </si>
  <si>
    <t>MHHS-Migration-CoA(MS)-RS-002</t>
  </si>
  <si>
    <t>MHHS-Migration-CoA(MS)-RS-004</t>
  </si>
  <si>
    <t>MHHS-Migration-CoA(MS)-RS-005</t>
  </si>
  <si>
    <t>MHHS-Migration-CoA(MS)-RS-007</t>
  </si>
  <si>
    <t>MHHS-Migration-CoA(MS)-RS-008</t>
  </si>
  <si>
    <t>MHHS-Migration-CoA(MS)-RS-009</t>
  </si>
  <si>
    <t>MHHS-Migration-CoA(MS)-RS-010</t>
  </si>
  <si>
    <t>MHHS-Migration-CoA(MS)-RS-011</t>
  </si>
  <si>
    <t>MHHS-Migration-CoA(MS)-RS-012</t>
  </si>
  <si>
    <t>MHHS-Migration-CoA(MS)-RS-013</t>
  </si>
  <si>
    <t>MHHS-Migration-CoA(MS)-RS-014</t>
  </si>
  <si>
    <t>MHHS-Migration-CoA(MS)-RS-016</t>
  </si>
  <si>
    <t>MHHS-Migration-CoA(MS)-RS-017</t>
  </si>
  <si>
    <t>MHHS-Migration-CoA(MS)-RS-018</t>
  </si>
  <si>
    <t>MHHS-Migration-CoA(MS)-RS-019</t>
  </si>
  <si>
    <t>Registration Service must send a D0170 to the outgoing MOP to request they send the MTDs to the new MS. 
This D0170 will include a specific enumeration value within the data item 'Requested Action Code' which will specify whether a CoA or CoS Migration is occurring.</t>
  </si>
  <si>
    <t>In the scenario that a Migration is already underway and a Pending switch is received, when the D-1 effective from status of the Agent appointment is reached, Registration Service must send IF-035 in place of an IF-036 with specific Migration cancellation value within the 'Event Code' data item to inform incoming Service Providers and incumbent Supplier that the Migration has been cancelled.</t>
  </si>
  <si>
    <t>Related MPANs: Following receipt of a PUB-031, the Registration Service must reject any requested change to the Related status of an MPAN.</t>
  </si>
  <si>
    <t xml:space="preserve">Related MPANs: The Registration Service must automatically migrate Secondary MPANs alongside Primary MPANs. </t>
  </si>
  <si>
    <t>Once the Registration Service receives an IF-031, subsequent D0205's should be rejected.</t>
  </si>
  <si>
    <t>Registration Service to remove MPAN from inclusion in the Legacy EES Extract upon successful completion of Forward Migration, indicated through the send of an IF-036.</t>
  </si>
  <si>
    <t xml:space="preserve">If MPAN is Legacy and an IF-031 is sent using a non-Migration appointment code in the ‘Service Provider Appointment Scenario’ data item, this will be rejected using REG1094 validation rule. </t>
  </si>
  <si>
    <t>If an IF-031 is rejected due to MPAN being Legacy and the IF-031 is sent using a non-Migration appointment code in the ‘Service Provider Appointment Scenario’ data item, an IF-032 will be sent back with specific Response Code and Response Message.</t>
  </si>
  <si>
    <t>Related MPANs: If MPAN is a Secondary MPAN and an IF-031 is sent using a Migration appointment code in the ‘Service Provider Appointment Scenario’ data item, the IF-031 will be rejected using REG1039 validation rule.</t>
  </si>
  <si>
    <t>If an IF-031 is rejected due to MPAN being a Secondary MPAN and the IF-031 is sent using a Migration appointment code in the ‘Service Provider Appointment Scenario’ data item, an IF-032 will be sent back with specific Response Code and Response Message.</t>
  </si>
  <si>
    <t>In the scenario that a Pending switch is already in place and a Migration is initiated, Registration Service must reject the IF-031 using REG1095 validation rule.</t>
  </si>
  <si>
    <t>If an IF-031 is rejected due to Pending switch already being in place, an IF-032 will be sent back with specific Response Code and Response Message.</t>
  </si>
  <si>
    <t>Registration Service will not automatically migrate Export MPAN following successfully Migration of the Import MPAN; they will be migrated independently of one another.</t>
  </si>
  <si>
    <t>Registration Service to automatically appoint same MS and DS to Related MPANs post-Forward Migration.</t>
  </si>
  <si>
    <t xml:space="preserve">Registration Service to send the IF-036 at the Service Appointment effective from date. </t>
  </si>
  <si>
    <t xml:space="preserve">Once a Forward Migration is initiated (indicated through the send of an IF-031) or if a MPAN is MHHS, the Registration Service will not accept Legacy D flows for a given MPAN. </t>
  </si>
  <si>
    <t>Migration Scenario</t>
  </si>
  <si>
    <t>Forward Migration</t>
  </si>
  <si>
    <t>MHHS-RMigration-CoS-RS-001</t>
  </si>
  <si>
    <t>MHHS-RMigration-CoS-RS-002</t>
  </si>
  <si>
    <t>MHHS-RMigration-CoS-RS-003</t>
  </si>
  <si>
    <t>MHHS-RMigration-CoS-RS-004</t>
  </si>
  <si>
    <t>MHHS-RMigration-CoS-RS-005</t>
  </si>
  <si>
    <t>MHHS-RMigration-CoS-RS-008</t>
  </si>
  <si>
    <t>In the scenario that a MHHS MPAN is switching to a Legacy Supplier, the Registration Service will only send the D0217 / D0260 to the incoming Supplier. No IF-002 will be sent.</t>
  </si>
  <si>
    <t>Related MPANs: The Registration Service will automatically initiate a Reverse Migration for all Secondary MPANs following receipt of a Pending Registration for a Secondary MPAN.</t>
  </si>
  <si>
    <t>Each time a Pending registration is received, Registration Service to consult ISD to determine qualification status of Supplier in respect to the status of the MPAN.</t>
  </si>
  <si>
    <t>If a Pending registration prompts a Reverse Migration and the MPAN did not previously exist in Legacy arrangements, MPRS to populate default Legacy data.</t>
  </si>
  <si>
    <t xml:space="preserve">Once a Reverse Migration is initiated (indicated through the receipt of a Pending Registration) or if a MPAN is Legacy, the Registration Service will not accept DIP flows for a given MPAN. </t>
  </si>
  <si>
    <t>Reverse Migration</t>
  </si>
  <si>
    <t>MHHS-RMigration-CoA(MS)-RS-001</t>
  </si>
  <si>
    <t>MHHS-RMigration-CoA(MS)-RS-003</t>
  </si>
  <si>
    <t>MHHS-RMigration-CoA(MS)-RS-004</t>
  </si>
  <si>
    <t>MHHS-RMigration-CoA(MS)-RS-005</t>
  </si>
  <si>
    <t>MHHS-RMigration-CoA(MS)-RS-007</t>
  </si>
  <si>
    <t xml:space="preserve">In the case of Smart Meters only, Registration Service to include new Supplier details as part of IF-003 which is sent to outgoing MS (via the DIP). </t>
  </si>
  <si>
    <t>Although the Registration Service can process multiple D0205's, it will only use information from the last accepted D0205 before Secured Active processing at 1800 hours to generate an IF-003 at Secured Active acceptance.</t>
  </si>
  <si>
    <t>D0205 batch processing to occur within the Registration Service on a frequent basis with batch processing running every 2 hours or more frequently, in the majority of cases.</t>
  </si>
  <si>
    <t xml:space="preserve">Registration Service to include identity of MOP in IF-003 if this data was provided in the D0205. </t>
  </si>
  <si>
    <t>As soon as an IF-003 is sent, marking the completion of a Reverse Migration, Registration Service to add MPAN back into the Legacy EES Extract.</t>
  </si>
  <si>
    <t>MHHS-Migration-Can-RS-001</t>
  </si>
  <si>
    <t>MHHS-Migration-Can-RS-002</t>
  </si>
  <si>
    <t>MHHS-Migration-Can-RS-003</t>
  </si>
  <si>
    <t>MHHS-Migration-Can-RS-005</t>
  </si>
  <si>
    <t>MHHS-Migration-Can-RS-006</t>
  </si>
  <si>
    <t>Registration Service cancels a CoA Migration and follows the BAU lapsed appointment process, issuing an IF-035.</t>
  </si>
  <si>
    <t xml:space="preserve">Registration Service cancels a CoA Migration and sends a D0209. </t>
  </si>
  <si>
    <t>A Migration CoS is cancelled and the Registration Service follows the BAU lapsed appointment process, issuing an IF-035.</t>
  </si>
  <si>
    <t xml:space="preserve">If subsequent IF-031’s are received before the initial Migration completes, the original IF-031 should be lapsed and the IF-031 with the most recent timestamp should be used instead.  </t>
  </si>
  <si>
    <t>If MPAN state changes to terminated, an IF-035 would be sent which would cancel the Migration.</t>
  </si>
  <si>
    <t>Change of Supply or Change of Agent</t>
  </si>
  <si>
    <t>Cancellation of Migration</t>
  </si>
  <si>
    <t>MHHS-Migration-Mis-RS-002</t>
  </si>
  <si>
    <t>MHHS-Migration-Mis-RS-003</t>
  </si>
  <si>
    <t>MHHS-Migration-Mis-RS-004</t>
  </si>
  <si>
    <t>MHHS-Migration-Mis-RS-005</t>
  </si>
  <si>
    <t>MHHS-Migration-Mis-RS-006</t>
  </si>
  <si>
    <t>MHHS-Migration-Mis-RS-007</t>
  </si>
  <si>
    <t>MHHS-Migration-Mis-RS-008</t>
  </si>
  <si>
    <t>MHHS-Migration-Mis-RS-009</t>
  </si>
  <si>
    <t>MHHS-Migration-Mis-RS-010</t>
  </si>
  <si>
    <t>MHHS-Migration-Mis-RS-011</t>
  </si>
  <si>
    <t>MHHS-Migration-Mis-RS-012</t>
  </si>
  <si>
    <t>MHHS-Migration-Mis-RS-013</t>
  </si>
  <si>
    <t>MHHS-Migration-Mis-RS-014</t>
  </si>
  <si>
    <t>MHHS-Migration-Mis-RS-015</t>
  </si>
  <si>
    <t>MHHS-Migration-Mis-RS-016</t>
  </si>
  <si>
    <t>MHHS-Migration-Mis-RS-017</t>
  </si>
  <si>
    <t>MHHS-Migration-Mis-RS-018</t>
  </si>
  <si>
    <t>MHHS-Migration-Mis-RS-019</t>
  </si>
  <si>
    <t>MHHS-Migration-Mis-RS-020</t>
  </si>
  <si>
    <t>MHHS-Migration-Mis-RS-021</t>
  </si>
  <si>
    <t>MHHS-Migration-Mis-RS-022</t>
  </si>
  <si>
    <t>Registration Service will need to check for incomplete Migrations and issue an IF-045 where a Supplier has only migrated either the MS or DS, to inform the Supplier that their Migration is incomplete.</t>
  </si>
  <si>
    <t>If a Forward Migration is underway or MPAN is already MHHS and a D0205 is sent, this will be rejected. A D0203 will be sent back with enumeration value 62 in the ‘Rejection Reason Code’ data item to specify the rejection reason.</t>
  </si>
  <si>
    <t>If a Forward Migration is underway or MPAN is already MHHS and a D0304 is sent, this will be rejected. A D0304 will be sent back with enumeration value Q in the ‘MPAS D0304 Response Code’ data item to specify the rejection reason.</t>
  </si>
  <si>
    <t>If a Forward Migration is underway or MPAN is already MHHS and a D0312 is sent, this will be rejected. A D0312 will be sent back with enumeration value AD in the ‘MOP Flow Response Code’ data item to specify the rejection reason.</t>
  </si>
  <si>
    <t>If a Forward Migration is underway or MPAN is already MHHS and a D0386 is sent, this will be rejected. A D0386 will be sent back with enumeration value Y in the ‘Related MPAN Response Code’ data item to specify the rejection reason.</t>
  </si>
  <si>
    <t xml:space="preserve">If a Reverse Migration is underway or MPAN is Legacy and an IF-005 is sent, this will be rejected using REG1029 validation rule. </t>
  </si>
  <si>
    <t>If an IF-005 is rejected due to MPAN either undergoing Reverse Migration or being Legacy, an IF-006 will be sent back with specific Response Code and Response Message.</t>
  </si>
  <si>
    <t xml:space="preserve">If a Reverse Migration is underway or MPAN is Legacy and an IF-019 is sent, this will be rejected using REG1066 validation rule. </t>
  </si>
  <si>
    <t>If an IF-019 is rejected due to MPAN either undergoing Reverse Migration or being Legacy, an IF-020 will be sent back with specific Response Code and Response Message.</t>
  </si>
  <si>
    <t xml:space="preserve">If a Reverse Migration is underway or MPAN is Legacy and an IF-025 is sent, this will be rejected using REG1046 validation rule. </t>
  </si>
  <si>
    <t>If an IF-025 is rejected due to MPAN either undergoing Reverse Migration or being Legacy, an IF-026 will be sent back with specific Response Code and Response Message.</t>
  </si>
  <si>
    <t xml:space="preserve">If a Reverse Migration is underway or MPAN is Legacy and an IF-038 is sent, this will be rejected using REG1075 validation rule. </t>
  </si>
  <si>
    <t>If an IF-038 is rejected due to MPAN either undergoing Reverse Migration or being Legacy, an IF-039 will be sent back with specific Response Code and Response Message.</t>
  </si>
  <si>
    <t xml:space="preserve">If a Reverse Migration is underway or MPAN is Legacy and an IF-040 is sent, this will be rejected using Level 4 validation rule RCP1076. </t>
  </si>
  <si>
    <t xml:space="preserve">If a Forward Migration is underway and an IF-019 is sent, this will be rejected using REG1067 validation rule. </t>
  </si>
  <si>
    <t>If an IF-019 is rejected due to MPAN undergoing Forward Migration, an IF-020 will be sent back with specific Response Code and Response Message.</t>
  </si>
  <si>
    <t>Reverse Migration: Registration Service to adhere to the SLAs specified within the MHHS BAU Design as part of the various read/MTD sharing processes, unless explicitly called out.</t>
  </si>
  <si>
    <t>When sending and processing DIP messages, Registration Service to adhere to the BAU MHHS Design SLAs, which will apply unchanged throughout the Migration period.</t>
  </si>
  <si>
    <t xml:space="preserve">Registration Service to send all Legacy Data Flows via the DTN or via other agreed means. </t>
  </si>
  <si>
    <t>Registration Service to auto-align Import / Export MPANs which have been fully migrated but appointed to different Agents.</t>
  </si>
  <si>
    <t>MHHS-Migration-CoA(MS)-LDSO-001</t>
  </si>
  <si>
    <t xml:space="preserve">LDSO to receive PUB-036 from Registration Service (via the DIP), containing MS appointment notification and MTD. </t>
  </si>
  <si>
    <t>MHHS-RMigration-CoA(MS)-LDSO-001</t>
  </si>
  <si>
    <t>MHHS-RMigration-CoA(MS)-LDSO-002</t>
  </si>
  <si>
    <t>LDSO to receive PUB-003 from Registration Service (via the DIP), informing of MS de-appointment notification.</t>
  </si>
  <si>
    <t xml:space="preserve">The receipt of a PUB-003 will serve as the definitive statement to each service that a Reverse Migration has occurred. </t>
  </si>
  <si>
    <t>MHHS-Migration-Mis-LDSO-001</t>
  </si>
  <si>
    <t>MHHS-Migration-Mis-LDSO-002</t>
  </si>
  <si>
    <t>When sending and processing DIP messages, LDSOs to adhere to the BAU MHHS Design SLAs, which will apply unchanged throughout the Migration period.</t>
  </si>
  <si>
    <t xml:space="preserve">LDSOs to send all Legacy Data Flows via the DTN or via other agreed means. </t>
  </si>
  <si>
    <t>MHHS-Migration-CoS-SUP-001</t>
  </si>
  <si>
    <t>MHHS-Migration-CoS-SUP-002</t>
  </si>
  <si>
    <t>MHHS-Migration-CoS-SUP-003</t>
  </si>
  <si>
    <t>If the Supplier is Qualified and they inherit a MHHS MPAN, under no circumstances can the MPAN be reverted to Legacy as part of this particular switch. Reverse Migration is not permitted.</t>
  </si>
  <si>
    <t>If MPAN is Legacy and the incoming Supplier is MHHS Qualified, the incoming Supplier will make a decision whether to migrate MPAN or continue operating under Legacy arrangements.</t>
  </si>
  <si>
    <t>Supplier to check whether MPAN is MHHS or Legacy within EES.</t>
  </si>
  <si>
    <t>MHHS-Migration-CoA(MS)-SUP-001</t>
  </si>
  <si>
    <t>MHHS-Migration-CoA(MS)-SUP-002</t>
  </si>
  <si>
    <t>MHHS-Migration-CoA(MS)-SUP-003</t>
  </si>
  <si>
    <t>MHHS-Migration-CoA(MS)-SUP-004</t>
  </si>
  <si>
    <t>MHHS-Migration-CoA(MS)-SUP-005</t>
  </si>
  <si>
    <t>MHHS-Migration-CoA(MS)-SUP-006</t>
  </si>
  <si>
    <t>MHHS-Migration-CoA(MS)-SUP-007</t>
  </si>
  <si>
    <t xml:space="preserve">Supplier to send IF-031 to Registration Service and include Migration-specific codes within the 'Service Provider Appointment Scenario' data item to make explicit the intent to migrate the MPAN. </t>
  </si>
  <si>
    <t>In the case of CoA only, incumbent Supplier to send a D0151 to outgoing Meter Operator with specific value in 'Termination Reason' (J0279) data item.</t>
  </si>
  <si>
    <t>In the case of CoS only, outgoing Supplier to send a D0151 to the outgoing Meter Operator with specific value in 'Termination Reason' (J0279) data item.</t>
  </si>
  <si>
    <t xml:space="preserve">Suppliers, as standard business process, should ensure the effective from date for CoA appointments is at least 1 day in the future from the transmission date of the IF-031. </t>
  </si>
  <si>
    <t>Suppliers to ensure they do not have open IF-031's which are left unresponded to by Agents beyond appointment effective from dates. Suppliers to chase Agents to respond with an IF-034 with an Accept or Reject in this case.</t>
  </si>
  <si>
    <t>For Traditional and HH Advanced CoS only, the D0151 that is sent from outgoing Supplier to outgoing MOP must have data item ‘New Supplier ID’ (J1194) populated.</t>
  </si>
  <si>
    <t>Supplier should send the D0151 using Legacy SLAs.</t>
  </si>
  <si>
    <t>MHHS-RMigration-CoS-SUP-001</t>
  </si>
  <si>
    <t>MHHS-RMigration-CoS-SUP-002</t>
  </si>
  <si>
    <t>MHHS-RMigration-CoA(MS)-SUP-001</t>
  </si>
  <si>
    <t>MHHS-RMigration-CoA(MS)-SUP-002</t>
  </si>
  <si>
    <t>MHHS-RMigration-CoA(MS)-SUP-003</t>
  </si>
  <si>
    <t>MHHS-RMigration-CoA(MS)-SUP-004</t>
  </si>
  <si>
    <t>New Supplier to appoint Legacy Agent by sending a D0155 to the new MOP. Will add an additional Group 318 to indicate a Reverse Migration is occurring.</t>
  </si>
  <si>
    <t>New Supplier to send D0205 to the Registration Service before Secured Active sync is received from CSS.</t>
  </si>
  <si>
    <t>In the case that a D0205 is not sent to the Registration Service before the IF-003 is issued and MTDs must be transferred manually, Supplier to request their MOP manually provides the details of the incoming MOP and DC to the outgoing MS.</t>
  </si>
  <si>
    <t>MHHS-Migration-Can-SUP-001</t>
  </si>
  <si>
    <t>MHHS-Migration-Can-SUP-002</t>
  </si>
  <si>
    <t xml:space="preserve">Supplier to send a D0151 with the switch date and specific enumerated value in Termination Reason (J0279) data item to existing MOP and DC. </t>
  </si>
  <si>
    <t xml:space="preserve">The Supplier needs to be able to follow the standard process for informing their existing Agents that their appointment is still in place. </t>
  </si>
  <si>
    <t>Change of Supply
and
Change of Agent</t>
  </si>
  <si>
    <t>Change of Agent
or
Change of Supply</t>
  </si>
  <si>
    <t>MHHS-Migration-Mis-SUP-001</t>
  </si>
  <si>
    <t>MHHS-Migration-Mis-SUP-002</t>
  </si>
  <si>
    <t>MHHS-Migration-Mis-SUP-003</t>
  </si>
  <si>
    <t>MHHS-Migration-Mis-SUP-004</t>
  </si>
  <si>
    <t>MHHS-Migration-Mis-SUP-005</t>
  </si>
  <si>
    <t>MHHS-Migration-Mis-SUP-006</t>
  </si>
  <si>
    <t>Suppliers will not be able to change Market Segment as part of a Migration. They must set Services that match the current Market Segment.</t>
  </si>
  <si>
    <t xml:space="preserve">All Suppliers will need to have made changes to their services and business processes by M11 to support the Migration of MPANs away from their portfolios when a Migration CoS occurs. </t>
  </si>
  <si>
    <t>All Suppliers wishing to operate the Reverse Migration process (to Switch consumers whose MPAN is under the MHHS arrangements) must have made changes to their services and business processes by M11.</t>
  </si>
  <si>
    <t>Reverse Migration: Suppliers to adhere to the SLAs specified within the MHHS BAU Design as part of the various read/MTD sharing processes, unless explicitly called out.</t>
  </si>
  <si>
    <t>When sending and processing DIP messages, Suppliers to adhere to the BAU MHHS Design SLAs, which will apply unchanged throughout the Migration period.</t>
  </si>
  <si>
    <t xml:space="preserve">Suppliers to send all Legacy Data Flows via the DTN or via other agreed means. </t>
  </si>
  <si>
    <t>MHHS-Migration-CoA(MS)-MOP-001</t>
  </si>
  <si>
    <t>MHHS-Migration-CoA(MS)-MOP-002</t>
  </si>
  <si>
    <t>MHHS-Migration-CoA(MS)-MOP-003</t>
  </si>
  <si>
    <t>MHHS-Migration-CoA(MS)-MOP-004</t>
  </si>
  <si>
    <t>MHHS-Migration-CoA(MS)-MOP-005</t>
  </si>
  <si>
    <t>MHHS-Migration-CoA(MS)-MOP-006</t>
  </si>
  <si>
    <t>When outgoing MOP receives the D0170 from the Registration Service and the enumerated values within the 'Requested Action Code' data item indicate that either a Migration CoA or CoS is occurring, the MOP must operate specific Forward Migration processes which differs from Legacy processes.</t>
  </si>
  <si>
    <t>When no meter is installed, no MTDs should be sent.</t>
  </si>
  <si>
    <t xml:space="preserve">Advanced only: Outgoing MOP to convert current MTDs, stored in a D0150 format, into a D0268. </t>
  </si>
  <si>
    <t>In the case of NHH Advanced meters, outgoing MOP will need to convert D0149/D0150 and D0313 into D0268 format.</t>
  </si>
  <si>
    <t>In the case of NHH Advanced meters, MOP may be required to undertake re-programming of the meter.</t>
  </si>
  <si>
    <t>The MPID assigned to the MOP needs to refer to the MS and the MTDs should be sent to role code MS over the DTN.</t>
  </si>
  <si>
    <t>MHHS-RMigration-CoA(MS)-MOP-001</t>
  </si>
  <si>
    <t>MHHS-RMigration-CoA(MS)-MOP-002</t>
  </si>
  <si>
    <t>MHHS-RMigration-CoA(MS)-MOP-003</t>
  </si>
  <si>
    <t>New MOP to issue MTDs to incoming DC and incoming Supplier within 5 working days.</t>
  </si>
  <si>
    <t>New MOP to operate Reverse Migration processes instead of Legacy processes when receiving D0155 with specific Group 318 values.</t>
  </si>
  <si>
    <t>MEM (Legacy)</t>
  </si>
  <si>
    <t xml:space="preserve">The existing MOP will receive a D0155 from the incumbent Supplier when a Forward Migration CoA or CoS is cancelled. </t>
  </si>
  <si>
    <t>MHHS-Migration-Can-MOP-001</t>
  </si>
  <si>
    <t>MHHS-Migration-Mis-MOP-001</t>
  </si>
  <si>
    <t>MHHS-Migration-Mis-MOP-002</t>
  </si>
  <si>
    <t>MHHS-Migration-Mis-MOP-003</t>
  </si>
  <si>
    <t>MHHS-Migration-Mis-MOP-004</t>
  </si>
  <si>
    <t>MHHS-Migration-Mis-MOP-005</t>
  </si>
  <si>
    <t>MHHS-Migration-Mis-MOP-006</t>
  </si>
  <si>
    <t xml:space="preserve">All Agents will need to have made changes to their services and business processes by M11 to support the Migration of MPANs away from their portfolios when a Migration CoS occurs. </t>
  </si>
  <si>
    <t>All Agents wishing to operate the Reverse Migration process (to Switch consumers whose MPAN is under the MHHS arrangements) must have made changes to their services and business processes by M11.</t>
  </si>
  <si>
    <t>Reverse Migration: MOPs to adhere to the SLAs specified within the MHHS BAU Design as part of the various MTD sharing processes, unless explicitly called out.</t>
  </si>
  <si>
    <t>When sending and processing DIP messages, MOPs to adhere to the BAU MHHS Design SLAs, which will apply unchanged throughout the Migration period.</t>
  </si>
  <si>
    <t xml:space="preserve">MOPs to send all Legacy Data Flows via the DTN or via other agreed means. </t>
  </si>
  <si>
    <t>If MTDs change after these have already been sent by the MOP to the MS, MOP to re-send new MTDs.</t>
  </si>
  <si>
    <t>MEM (MHHS)</t>
  </si>
  <si>
    <t>Not required for new organisations entering the market as MHHS MEM only.</t>
  </si>
  <si>
    <t>Further comments on coverage</t>
  </si>
  <si>
    <t>MHHS-RMigration-CoA(MS)-MS-001</t>
  </si>
  <si>
    <t>MHHS-RMigration-CoA(MS)-MS-002</t>
  </si>
  <si>
    <t>MHHS-RMigration-CoA(MS)-MS-003</t>
  </si>
  <si>
    <t>In the case of Smart Meters only, 'Skeleton' D0150 is sent by outgoing MS to both new Supplier and incoming MOP with the following business rules:
- All mandatory data items are populated
- If unknown, the value of the Manufacturers Make and Type is noted as 'not recorded'
- Meter Register Details is only populated with Smart Meter Cumulative Register. TOU registers are not included</t>
  </si>
  <si>
    <t xml:space="preserve">Outgoing MS to adhere to BAU Design SLAs in the sending of MTDs to the new MOP. </t>
  </si>
  <si>
    <t>If outgoing MS is requested to transfer MTDs manually to incoming MOP and DC, they must action this within 5 working days.</t>
  </si>
  <si>
    <t>MHHS-Migration-Can-MS-001</t>
  </si>
  <si>
    <t>MHHS-Migration-Can-MS-002</t>
  </si>
  <si>
    <t>Registration Service cancels a CoA Migration and follows the BAU de-appointment process.</t>
  </si>
  <si>
    <t>Registration Service cancels a CoS Migration and follows the BAU de-appointment process.</t>
  </si>
  <si>
    <t>MHHS-Migration-Mis-MS-001</t>
  </si>
  <si>
    <t>MHHS-Migration-Mis-MS-002</t>
  </si>
  <si>
    <t>MHHS-Migration-Mis-MS-003</t>
  </si>
  <si>
    <t>MHHS-Migration-Mis-MS-004</t>
  </si>
  <si>
    <t>MHHS-Migration-Mis-MS-005</t>
  </si>
  <si>
    <t>MHHS-Migration-Mis-MS-006</t>
  </si>
  <si>
    <t>Reverse Migration: MS to adhere to the SLAs specified within the MHHS BAU Design as part of the various MTD sharing processes, unless explicitly called out.</t>
  </si>
  <si>
    <t>When sending and processing DIP messages, MS's to adhere to the BAU MHHS Design SLAs, which will apply unchanged throughout the Migration period.</t>
  </si>
  <si>
    <t xml:space="preserve">MS's to send all Legacy Data Flows via the DTN or via other agreed means. </t>
  </si>
  <si>
    <t>If MTDs change so MOP needs to re-send MTDs to MS, MS to supersede old MTDs with those that have been received most recently and use these details instead.</t>
  </si>
  <si>
    <t>Migration design covered through SIT.</t>
  </si>
  <si>
    <t>•         	Migration Design will be tested through SIT. Qualification Testing will assurance individual Participants ability to complete Migration scenarios.</t>
  </si>
  <si>
    <t>Covered by the Pre-Qualification Submission for Non-SIT Participants.</t>
  </si>
  <si>
    <t>Not required for new organisations entering the market as MHHS MEM only. Covered by the Pre-Qualification Submission for Non-SIT Participants.</t>
  </si>
  <si>
    <t>Miscellaneous</t>
  </si>
  <si>
    <t>If Supplier requests their MOP manually provide details of incoming MOP and DC to the outgoing MS, MOP to fulfil this request within 2 working days.</t>
  </si>
  <si>
    <t xml:space="preserve">If a Pending registration prompts a Reverse Migration and the MPAN previously existed in Legacy arrangements, MPRS to populate data items from the previous Legacy Registration. </t>
  </si>
  <si>
    <t>This document must be read in conjunction with REC Assessment Criteria for MHHS Qualification v2.0.pdf.</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5" x14ac:knownFonts="1">
    <font>
      <sz val="11"/>
      <color theme="1"/>
      <name val="Calibri"/>
      <family val="2"/>
      <scheme val="minor"/>
    </font>
    <font>
      <b/>
      <sz val="11"/>
      <color theme="1"/>
      <name val="Calibri"/>
      <family val="2"/>
      <scheme val="minor"/>
    </font>
    <font>
      <sz val="11"/>
      <color theme="1"/>
      <name val="Arial"/>
      <family val="2"/>
    </font>
    <font>
      <sz val="10"/>
      <color theme="1"/>
      <name val="Arial"/>
      <family val="2"/>
    </font>
    <font>
      <b/>
      <sz val="10"/>
      <color theme="1"/>
      <name val="Arial"/>
      <family val="2"/>
    </font>
    <font>
      <b/>
      <sz val="10"/>
      <color rgb="FFFFFFFF"/>
      <name val="Arial"/>
      <family val="2"/>
    </font>
    <font>
      <sz val="10"/>
      <color rgb="FF000000"/>
      <name val="Arial"/>
      <family val="2"/>
    </font>
    <font>
      <sz val="10"/>
      <color rgb="FF000000"/>
      <name val="Times New Roman"/>
      <family val="1"/>
    </font>
    <font>
      <sz val="10"/>
      <color rgb="FF000000"/>
      <name val="Wingdings 2"/>
      <family val="1"/>
      <charset val="2"/>
    </font>
    <font>
      <sz val="10"/>
      <color rgb="FFFFFFFF"/>
      <name val="Arial"/>
      <family val="2"/>
    </font>
    <font>
      <sz val="10"/>
      <color rgb="FF000000"/>
      <name val="Roboto Slab"/>
    </font>
    <font>
      <u/>
      <sz val="11"/>
      <color theme="10"/>
      <name val="Calibri"/>
      <family val="2"/>
      <scheme val="minor"/>
    </font>
    <font>
      <u/>
      <sz val="10"/>
      <color theme="10"/>
      <name val="Arial"/>
      <family val="2"/>
    </font>
    <font>
      <b/>
      <u/>
      <sz val="10"/>
      <color theme="1"/>
      <name val="Arial"/>
      <family val="2"/>
    </font>
    <font>
      <sz val="10"/>
      <color theme="1"/>
      <name val="Wingdings 2"/>
      <family val="1"/>
      <charset val="2"/>
    </font>
  </fonts>
  <fills count="3">
    <fill>
      <patternFill patternType="none"/>
    </fill>
    <fill>
      <patternFill patternType="gray125"/>
    </fill>
    <fill>
      <patternFill patternType="solid">
        <fgColor rgb="FF70ADA3"/>
        <bgColor indexed="64"/>
      </patternFill>
    </fill>
  </fills>
  <borders count="12">
    <border>
      <left/>
      <right/>
      <top/>
      <bottom/>
      <diagonal/>
    </border>
    <border>
      <left/>
      <right style="medium">
        <color indexed="64"/>
      </right>
      <top style="medium">
        <color indexed="64"/>
      </top>
      <bottom style="medium">
        <color indexed="64"/>
      </bottom>
      <diagonal/>
    </border>
    <border>
      <left style="medium">
        <color indexed="64"/>
      </left>
      <right style="medium">
        <color indexed="64"/>
      </right>
      <top/>
      <bottom style="medium">
        <color indexed="64"/>
      </bottom>
      <diagonal/>
    </border>
    <border>
      <left/>
      <right style="medium">
        <color indexed="64"/>
      </right>
      <top/>
      <bottom style="medium">
        <color indexed="64"/>
      </bottom>
      <diagonal/>
    </border>
    <border>
      <left style="medium">
        <color indexed="64"/>
      </left>
      <right style="medium">
        <color indexed="64"/>
      </right>
      <top/>
      <bottom/>
      <diagonal/>
    </border>
    <border>
      <left/>
      <right style="medium">
        <color indexed="64"/>
      </right>
      <top/>
      <bottom/>
      <diagonal/>
    </border>
    <border>
      <left style="medium">
        <color indexed="64"/>
      </left>
      <right style="medium">
        <color indexed="64"/>
      </right>
      <top style="medium">
        <color indexed="64"/>
      </top>
      <bottom/>
      <diagonal/>
    </border>
    <border>
      <left style="thin">
        <color indexed="64"/>
      </left>
      <right style="thin">
        <color indexed="64"/>
      </right>
      <top style="thin">
        <color indexed="64"/>
      </top>
      <bottom style="thin">
        <color indexed="64"/>
      </bottom>
      <diagonal/>
    </border>
    <border>
      <left/>
      <right style="medium">
        <color indexed="64"/>
      </right>
      <top style="medium">
        <color indexed="64"/>
      </top>
      <bottom/>
      <diagonal/>
    </border>
    <border>
      <left style="medium">
        <color indexed="64"/>
      </left>
      <right style="medium">
        <color indexed="64"/>
      </right>
      <top/>
      <bottom style="medium">
        <color rgb="FF000000"/>
      </bottom>
      <diagonal/>
    </border>
    <border>
      <left/>
      <right style="medium">
        <color indexed="64"/>
      </right>
      <top/>
      <bottom style="medium">
        <color rgb="FF000000"/>
      </bottom>
      <diagonal/>
    </border>
    <border>
      <left style="medium">
        <color indexed="64"/>
      </left>
      <right style="medium">
        <color indexed="64"/>
      </right>
      <top style="medium">
        <color rgb="FF000000"/>
      </top>
      <bottom/>
      <diagonal/>
    </border>
  </borders>
  <cellStyleXfs count="2">
    <xf numFmtId="0" fontId="0" fillId="0" borderId="0"/>
    <xf numFmtId="0" fontId="11" fillId="0" borderId="0" applyNumberFormat="0" applyFill="0" applyBorder="0" applyAlignment="0" applyProtection="0"/>
  </cellStyleXfs>
  <cellXfs count="78">
    <xf numFmtId="0" fontId="0" fillId="0" borderId="0" xfId="0"/>
    <xf numFmtId="0" fontId="5" fillId="2" borderId="1" xfId="0" applyFont="1" applyFill="1" applyBorder="1" applyAlignment="1">
      <alignment vertical="center" wrapText="1"/>
    </xf>
    <xf numFmtId="0" fontId="6" fillId="0" borderId="3" xfId="0" applyFont="1" applyBorder="1" applyAlignment="1">
      <alignment vertical="center" wrapText="1"/>
    </xf>
    <xf numFmtId="0" fontId="3" fillId="0" borderId="0" xfId="0" applyFont="1"/>
    <xf numFmtId="0" fontId="6" fillId="0" borderId="5" xfId="0" applyFont="1" applyBorder="1" applyAlignment="1">
      <alignment vertical="center" wrapText="1"/>
    </xf>
    <xf numFmtId="0" fontId="3" fillId="0" borderId="0" xfId="0" applyFont="1" applyAlignment="1">
      <alignment vertical="center"/>
    </xf>
    <xf numFmtId="0" fontId="5" fillId="2" borderId="7" xfId="0" applyFont="1" applyFill="1" applyBorder="1" applyAlignment="1">
      <alignment vertical="center" wrapText="1"/>
    </xf>
    <xf numFmtId="0" fontId="6" fillId="0" borderId="7" xfId="0" applyFont="1" applyBorder="1" applyAlignment="1">
      <alignment vertical="center" wrapText="1"/>
    </xf>
    <xf numFmtId="0" fontId="7" fillId="0" borderId="7" xfId="0" applyFont="1" applyBorder="1" applyAlignment="1">
      <alignment vertical="center"/>
    </xf>
    <xf numFmtId="0" fontId="8" fillId="0" borderId="7" xfId="0" applyFont="1" applyBorder="1" applyAlignment="1">
      <alignment vertical="center"/>
    </xf>
    <xf numFmtId="0" fontId="4" fillId="0" borderId="0" xfId="0" applyFont="1"/>
    <xf numFmtId="0" fontId="1" fillId="0" borderId="0" xfId="0" applyFont="1"/>
    <xf numFmtId="0" fontId="1" fillId="0" borderId="0" xfId="0" applyFont="1" applyAlignment="1">
      <alignment horizontal="left" vertical="top"/>
    </xf>
    <xf numFmtId="0" fontId="0" fillId="0" borderId="0" xfId="0" applyAlignment="1">
      <alignment horizontal="left" vertical="top"/>
    </xf>
    <xf numFmtId="0" fontId="3" fillId="0" borderId="3" xfId="0" applyFont="1" applyBorder="1" applyAlignment="1">
      <alignment vertical="center" wrapText="1"/>
    </xf>
    <xf numFmtId="0" fontId="5" fillId="2" borderId="6" xfId="0" applyFont="1" applyFill="1" applyBorder="1" applyAlignment="1">
      <alignment vertical="center" wrapText="1"/>
    </xf>
    <xf numFmtId="0" fontId="5" fillId="2" borderId="8" xfId="0" applyFont="1" applyFill="1" applyBorder="1" applyAlignment="1">
      <alignment vertical="center" wrapText="1"/>
    </xf>
    <xf numFmtId="0" fontId="3" fillId="0" borderId="5" xfId="0" applyFont="1" applyBorder="1" applyAlignment="1">
      <alignment vertical="center" wrapText="1"/>
    </xf>
    <xf numFmtId="0" fontId="0" fillId="0" borderId="5" xfId="0" applyBorder="1" applyAlignment="1">
      <alignment vertical="center" wrapText="1"/>
    </xf>
    <xf numFmtId="0" fontId="0" fillId="0" borderId="5" xfId="0" applyBorder="1" applyAlignment="1">
      <alignment vertical="top" wrapText="1"/>
    </xf>
    <xf numFmtId="0" fontId="0" fillId="0" borderId="3" xfId="0" applyBorder="1" applyAlignment="1">
      <alignment vertical="top" wrapText="1"/>
    </xf>
    <xf numFmtId="0" fontId="6" fillId="0" borderId="8" xfId="0" applyFont="1" applyBorder="1" applyAlignment="1">
      <alignment vertical="center" wrapText="1"/>
    </xf>
    <xf numFmtId="0" fontId="0" fillId="0" borderId="10" xfId="0" applyBorder="1" applyAlignment="1">
      <alignment vertical="top" wrapText="1"/>
    </xf>
    <xf numFmtId="0" fontId="6" fillId="0" borderId="10" xfId="0" applyFont="1" applyBorder="1" applyAlignment="1">
      <alignment vertical="center" wrapText="1"/>
    </xf>
    <xf numFmtId="0" fontId="2" fillId="0" borderId="3" xfId="0" applyFont="1" applyBorder="1" applyAlignment="1">
      <alignment vertical="top" wrapText="1"/>
    </xf>
    <xf numFmtId="0" fontId="10" fillId="0" borderId="0" xfId="0" applyFont="1" applyAlignment="1">
      <alignment vertical="center"/>
    </xf>
    <xf numFmtId="0" fontId="3" fillId="0" borderId="0" xfId="0" applyFont="1" applyAlignment="1">
      <alignment horizontal="left" vertical="center" indent="2"/>
    </xf>
    <xf numFmtId="0" fontId="3" fillId="0" borderId="0" xfId="0" applyFont="1" applyAlignment="1">
      <alignment horizontal="left" vertical="center" indent="10"/>
    </xf>
    <xf numFmtId="0" fontId="12" fillId="0" borderId="0" xfId="1" applyFont="1" applyAlignment="1">
      <alignment vertical="center"/>
    </xf>
    <xf numFmtId="0" fontId="13" fillId="0" borderId="0" xfId="0" applyFont="1"/>
    <xf numFmtId="0" fontId="3" fillId="0" borderId="0" xfId="0" applyFont="1" applyAlignment="1">
      <alignment horizontal="left" vertical="top"/>
    </xf>
    <xf numFmtId="0" fontId="3" fillId="0" borderId="0" xfId="0" applyFont="1" applyAlignment="1">
      <alignment horizontal="left" vertical="top" wrapText="1"/>
    </xf>
    <xf numFmtId="0" fontId="4" fillId="0" borderId="0" xfId="0" applyFont="1" applyAlignment="1">
      <alignment horizontal="left" vertical="top"/>
    </xf>
    <xf numFmtId="0" fontId="4" fillId="0" borderId="7" xfId="0" applyFont="1" applyBorder="1" applyAlignment="1">
      <alignment horizontal="left" vertical="top"/>
    </xf>
    <xf numFmtId="0" fontId="3" fillId="0" borderId="7" xfId="0" applyFont="1" applyBorder="1" applyAlignment="1">
      <alignment horizontal="left" vertical="top" wrapText="1"/>
    </xf>
    <xf numFmtId="14" fontId="3" fillId="0" borderId="7" xfId="0" applyNumberFormat="1" applyFont="1" applyBorder="1" applyAlignment="1">
      <alignment horizontal="left" vertical="top"/>
    </xf>
    <xf numFmtId="0" fontId="11" fillId="0" borderId="7" xfId="1" applyBorder="1" applyAlignment="1">
      <alignment horizontal="left" vertical="top"/>
    </xf>
    <xf numFmtId="14" fontId="3" fillId="0" borderId="7" xfId="0" applyNumberFormat="1" applyFont="1" applyBorder="1" applyAlignment="1">
      <alignment horizontal="left" vertical="top" wrapText="1"/>
    </xf>
    <xf numFmtId="0" fontId="4" fillId="0" borderId="0" xfId="0" applyFont="1" applyAlignment="1">
      <alignment horizontal="left" vertical="top" wrapText="1"/>
    </xf>
    <xf numFmtId="0" fontId="5" fillId="2" borderId="7" xfId="0" applyFont="1" applyFill="1" applyBorder="1" applyAlignment="1">
      <alignment horizontal="left" vertical="center" wrapText="1"/>
    </xf>
    <xf numFmtId="0" fontId="14" fillId="0" borderId="7" xfId="0" applyFont="1" applyBorder="1" applyAlignment="1">
      <alignment horizontal="left" vertical="top"/>
    </xf>
    <xf numFmtId="0" fontId="8" fillId="0" borderId="6" xfId="0" applyFont="1" applyBorder="1" applyAlignment="1">
      <alignment vertical="center"/>
    </xf>
    <xf numFmtId="0" fontId="8" fillId="0" borderId="4" xfId="0" applyFont="1" applyBorder="1" applyAlignment="1">
      <alignment vertical="center"/>
    </xf>
    <xf numFmtId="0" fontId="8" fillId="0" borderId="2" xfId="0" applyFont="1" applyBorder="1" applyAlignment="1">
      <alignment vertical="center"/>
    </xf>
    <xf numFmtId="0" fontId="6" fillId="0" borderId="6" xfId="0" applyFont="1" applyBorder="1" applyAlignment="1">
      <alignment vertical="center"/>
    </xf>
    <xf numFmtId="0" fontId="6" fillId="0" borderId="4" xfId="0" applyFont="1" applyBorder="1" applyAlignment="1">
      <alignment vertical="center"/>
    </xf>
    <xf numFmtId="0" fontId="6" fillId="0" borderId="2" xfId="0" applyFont="1" applyBorder="1" applyAlignment="1">
      <alignment vertical="center"/>
    </xf>
    <xf numFmtId="0" fontId="6" fillId="0" borderId="6" xfId="0" applyFont="1" applyBorder="1" applyAlignment="1">
      <alignment vertical="center" wrapText="1"/>
    </xf>
    <xf numFmtId="0" fontId="6" fillId="0" borderId="4" xfId="0" applyFont="1" applyBorder="1" applyAlignment="1">
      <alignment vertical="center" wrapText="1"/>
    </xf>
    <xf numFmtId="0" fontId="6" fillId="0" borderId="2" xfId="0" applyFont="1" applyBorder="1" applyAlignment="1">
      <alignment vertical="center" wrapText="1"/>
    </xf>
    <xf numFmtId="0" fontId="7" fillId="0" borderId="6" xfId="0" applyFont="1" applyBorder="1" applyAlignment="1">
      <alignment vertical="center"/>
    </xf>
    <xf numFmtId="0" fontId="7" fillId="0" borderId="4" xfId="0" applyFont="1" applyBorder="1" applyAlignment="1">
      <alignment vertical="center"/>
    </xf>
    <xf numFmtId="0" fontId="7" fillId="0" borderId="2" xfId="0" applyFont="1" applyBorder="1" applyAlignment="1">
      <alignment vertical="center"/>
    </xf>
    <xf numFmtId="0" fontId="8" fillId="0" borderId="11" xfId="0" applyFont="1" applyBorder="1" applyAlignment="1">
      <alignment vertical="center"/>
    </xf>
    <xf numFmtId="0" fontId="8" fillId="0" borderId="9" xfId="0" applyFont="1" applyBorder="1" applyAlignment="1">
      <alignment vertical="center"/>
    </xf>
    <xf numFmtId="0" fontId="6" fillId="0" borderId="11" xfId="0" applyFont="1" applyBorder="1" applyAlignment="1">
      <alignment vertical="center"/>
    </xf>
    <xf numFmtId="0" fontId="6" fillId="0" borderId="11" xfId="0" applyFont="1" applyBorder="1" applyAlignment="1">
      <alignment vertical="center" wrapText="1"/>
    </xf>
    <xf numFmtId="0" fontId="6" fillId="0" borderId="9" xfId="0" applyFont="1" applyBorder="1" applyAlignment="1">
      <alignment vertical="center"/>
    </xf>
    <xf numFmtId="0" fontId="6" fillId="0" borderId="9" xfId="0" applyFont="1" applyBorder="1" applyAlignment="1">
      <alignment vertical="center" wrapText="1"/>
    </xf>
    <xf numFmtId="0" fontId="7" fillId="0" borderId="11" xfId="0" applyFont="1" applyBorder="1" applyAlignment="1">
      <alignment vertical="center"/>
    </xf>
    <xf numFmtId="0" fontId="7" fillId="0" borderId="9" xfId="0" applyFont="1" applyBorder="1" applyAlignment="1">
      <alignment vertical="center"/>
    </xf>
    <xf numFmtId="0" fontId="7" fillId="0" borderId="11" xfId="0" applyFont="1" applyBorder="1" applyAlignment="1">
      <alignment vertical="center" wrapText="1"/>
    </xf>
    <xf numFmtId="0" fontId="7" fillId="0" borderId="4" xfId="0" applyFont="1" applyBorder="1" applyAlignment="1">
      <alignment vertical="center" wrapText="1"/>
    </xf>
    <xf numFmtId="0" fontId="7" fillId="0" borderId="9" xfId="0" applyFont="1" applyBorder="1" applyAlignment="1">
      <alignment vertical="center" wrapText="1"/>
    </xf>
    <xf numFmtId="0" fontId="8" fillId="0" borderId="11" xfId="0" applyFont="1" applyBorder="1" applyAlignment="1">
      <alignment vertical="center" wrapText="1"/>
    </xf>
    <xf numFmtId="0" fontId="8" fillId="0" borderId="4" xfId="0" applyFont="1" applyBorder="1" applyAlignment="1">
      <alignment vertical="center" wrapText="1"/>
    </xf>
    <xf numFmtId="0" fontId="8" fillId="0" borderId="9" xfId="0" applyFont="1" applyBorder="1" applyAlignment="1">
      <alignment vertical="center" wrapText="1"/>
    </xf>
    <xf numFmtId="0" fontId="8" fillId="0" borderId="6" xfId="0" applyFont="1" applyBorder="1" applyAlignment="1">
      <alignment vertical="center" wrapText="1"/>
    </xf>
    <xf numFmtId="0" fontId="2" fillId="0" borderId="6" xfId="0" applyFont="1" applyBorder="1" applyAlignment="1">
      <alignment vertical="top" wrapText="1"/>
    </xf>
    <xf numFmtId="0" fontId="2" fillId="0" borderId="4" xfId="0" applyFont="1" applyBorder="1" applyAlignment="1">
      <alignment vertical="top" wrapText="1"/>
    </xf>
    <xf numFmtId="0" fontId="2" fillId="0" borderId="2" xfId="0" applyFont="1" applyBorder="1" applyAlignment="1">
      <alignment vertical="top" wrapText="1"/>
    </xf>
    <xf numFmtId="0" fontId="8" fillId="0" borderId="2" xfId="0" applyFont="1" applyBorder="1" applyAlignment="1">
      <alignment vertical="center" wrapText="1"/>
    </xf>
    <xf numFmtId="0" fontId="7" fillId="0" borderId="6" xfId="0" applyFont="1" applyBorder="1" applyAlignment="1">
      <alignment vertical="center" wrapText="1"/>
    </xf>
    <xf numFmtId="0" fontId="7" fillId="0" borderId="2" xfId="0" applyFont="1" applyBorder="1" applyAlignment="1">
      <alignment vertical="center" wrapText="1"/>
    </xf>
    <xf numFmtId="0" fontId="3" fillId="0" borderId="6" xfId="0" applyFont="1" applyBorder="1" applyAlignment="1">
      <alignment vertical="center" wrapText="1"/>
    </xf>
    <xf numFmtId="0" fontId="3" fillId="0" borderId="4" xfId="0" applyFont="1" applyBorder="1" applyAlignment="1">
      <alignment vertical="center" wrapText="1"/>
    </xf>
    <xf numFmtId="0" fontId="3" fillId="0" borderId="2" xfId="0" applyFont="1" applyBorder="1" applyAlignment="1">
      <alignment vertical="center" wrapText="1"/>
    </xf>
    <xf numFmtId="0" fontId="4" fillId="0" borderId="0" xfId="0" applyFont="1" applyAlignment="1">
      <alignment horizontal="left" vertical="top" wrapText="1"/>
    </xf>
  </cellXfs>
  <cellStyles count="2">
    <cellStyle name="Hyperlink" xfId="1" builtinId="8"/>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1.xml"/><Relationship Id="rId3" Type="http://schemas.openxmlformats.org/officeDocument/2006/relationships/worksheet" Target="worksheets/sheet3.xml"/><Relationship Id="rId7" Type="http://schemas.openxmlformats.org/officeDocument/2006/relationships/sharedStrings" Target="sharedStrings.xml"/><Relationship Id="rId12" Type="http://schemas.openxmlformats.org/officeDocument/2006/relationships/customXml" Target="../customXml/item5.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11" Type="http://schemas.openxmlformats.org/officeDocument/2006/relationships/customXml" Target="../customXml/item4.xml"/><Relationship Id="rId5" Type="http://schemas.openxmlformats.org/officeDocument/2006/relationships/theme" Target="theme/theme1.xml"/><Relationship Id="rId10" Type="http://schemas.openxmlformats.org/officeDocument/2006/relationships/customXml" Target="../customXml/item3.xml"/><Relationship Id="rId4" Type="http://schemas.openxmlformats.org/officeDocument/2006/relationships/worksheet" Target="worksheets/sheet4.xml"/><Relationship Id="rId9" Type="http://schemas.openxmlformats.org/officeDocument/2006/relationships/customXml" Target="../customXml/item2.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A1:E29"/>
  <sheetViews>
    <sheetView showGridLines="0" tabSelected="1" workbookViewId="0"/>
  </sheetViews>
  <sheetFormatPr defaultRowHeight="12.75" x14ac:dyDescent="0.2"/>
  <cols>
    <col min="1" max="1" width="28.7109375" style="3" customWidth="1"/>
    <col min="2" max="3" width="69.85546875" style="3" customWidth="1"/>
    <col min="4" max="4" width="17.85546875" style="3" bestFit="1" customWidth="1"/>
    <col min="5" max="5" width="38.28515625" style="3" customWidth="1"/>
    <col min="6" max="16384" width="9.140625" style="3"/>
  </cols>
  <sheetData>
    <row r="1" spans="1:1" s="10" customFormat="1" x14ac:dyDescent="0.2">
      <c r="A1" s="10" t="s">
        <v>1149</v>
      </c>
    </row>
    <row r="3" spans="1:1" s="29" customFormat="1" ht="21.75" customHeight="1" x14ac:dyDescent="0.2">
      <c r="A3" s="29" t="s">
        <v>880</v>
      </c>
    </row>
    <row r="4" spans="1:1" x14ac:dyDescent="0.2">
      <c r="A4" s="5" t="s">
        <v>881</v>
      </c>
    </row>
    <row r="5" spans="1:1" x14ac:dyDescent="0.2">
      <c r="A5" s="26" t="s">
        <v>882</v>
      </c>
    </row>
    <row r="6" spans="1:1" x14ac:dyDescent="0.2">
      <c r="A6" s="26" t="s">
        <v>883</v>
      </c>
    </row>
    <row r="7" spans="1:1" x14ac:dyDescent="0.2">
      <c r="A7" s="26" t="s">
        <v>884</v>
      </c>
    </row>
    <row r="8" spans="1:1" x14ac:dyDescent="0.2">
      <c r="A8" s="26" t="s">
        <v>885</v>
      </c>
    </row>
    <row r="9" spans="1:1" x14ac:dyDescent="0.2">
      <c r="A9" s="26" t="s">
        <v>892</v>
      </c>
    </row>
    <row r="10" spans="1:1" x14ac:dyDescent="0.2">
      <c r="A10" s="26" t="s">
        <v>893</v>
      </c>
    </row>
    <row r="11" spans="1:1" x14ac:dyDescent="0.2">
      <c r="A11" s="26" t="s">
        <v>894</v>
      </c>
    </row>
    <row r="12" spans="1:1" x14ac:dyDescent="0.2">
      <c r="A12" s="26" t="s">
        <v>886</v>
      </c>
    </row>
    <row r="13" spans="1:1" x14ac:dyDescent="0.2">
      <c r="A13" s="26" t="s">
        <v>887</v>
      </c>
    </row>
    <row r="14" spans="1:1" x14ac:dyDescent="0.2">
      <c r="A14" s="26" t="s">
        <v>888</v>
      </c>
    </row>
    <row r="15" spans="1:1" x14ac:dyDescent="0.2">
      <c r="A15" s="26" t="s">
        <v>889</v>
      </c>
    </row>
    <row r="16" spans="1:1" x14ac:dyDescent="0.2">
      <c r="A16" s="26" t="s">
        <v>890</v>
      </c>
    </row>
    <row r="17" spans="1:5" x14ac:dyDescent="0.2">
      <c r="A17" s="26" t="s">
        <v>1143</v>
      </c>
    </row>
    <row r="18" spans="1:5" x14ac:dyDescent="0.2">
      <c r="A18" s="26" t="s">
        <v>891</v>
      </c>
    </row>
    <row r="20" spans="1:5" s="29" customFormat="1" ht="21.75" customHeight="1" x14ac:dyDescent="0.2">
      <c r="A20" s="29" t="s">
        <v>895</v>
      </c>
    </row>
    <row r="21" spans="1:5" x14ac:dyDescent="0.2">
      <c r="A21" s="28"/>
    </row>
    <row r="22" spans="1:5" s="30" customFormat="1" x14ac:dyDescent="0.25">
      <c r="A22" s="33" t="s">
        <v>896</v>
      </c>
      <c r="B22" s="33" t="s">
        <v>898</v>
      </c>
      <c r="C22" s="33" t="s">
        <v>897</v>
      </c>
      <c r="D22" s="33" t="s">
        <v>904</v>
      </c>
      <c r="E22" s="33" t="s">
        <v>909</v>
      </c>
    </row>
    <row r="23" spans="1:5" s="30" customFormat="1" ht="51" x14ac:dyDescent="0.25">
      <c r="A23" s="36" t="s">
        <v>899</v>
      </c>
      <c r="B23" s="34" t="s">
        <v>902</v>
      </c>
      <c r="C23" s="34" t="s">
        <v>903</v>
      </c>
      <c r="D23" s="35">
        <v>45370</v>
      </c>
      <c r="E23" s="37" t="s">
        <v>911</v>
      </c>
    </row>
    <row r="24" spans="1:5" s="30" customFormat="1" ht="38.25" x14ac:dyDescent="0.25">
      <c r="A24" s="36" t="s">
        <v>900</v>
      </c>
      <c r="B24" s="34" t="s">
        <v>906</v>
      </c>
      <c r="C24" s="34" t="s">
        <v>905</v>
      </c>
      <c r="D24" s="35">
        <v>45371</v>
      </c>
      <c r="E24" s="35" t="s">
        <v>910</v>
      </c>
    </row>
    <row r="25" spans="1:5" s="30" customFormat="1" ht="51" x14ac:dyDescent="0.25">
      <c r="A25" s="36" t="s">
        <v>901</v>
      </c>
      <c r="B25" s="34" t="s">
        <v>907</v>
      </c>
      <c r="C25" s="34" t="s">
        <v>908</v>
      </c>
      <c r="D25" s="35">
        <v>45372</v>
      </c>
      <c r="E25" s="35" t="s">
        <v>910</v>
      </c>
    </row>
    <row r="26" spans="1:5" x14ac:dyDescent="0.2">
      <c r="A26" s="27"/>
    </row>
    <row r="27" spans="1:5" x14ac:dyDescent="0.2">
      <c r="A27" s="27"/>
    </row>
    <row r="28" spans="1:5" x14ac:dyDescent="0.2">
      <c r="A28" s="27"/>
    </row>
    <row r="29" spans="1:5" x14ac:dyDescent="0.2">
      <c r="A29" s="27"/>
    </row>
  </sheetData>
  <hyperlinks>
    <hyperlink ref="A23" location="'Functional Assessment Criteria'!A1" display="Functional Assessment Criteria" xr:uid="{6B671A78-5086-4B91-A0C2-487CC23FA646}"/>
    <hyperlink ref="A24" location="'Migration Assessment Criteria'!A1" display="Migration Assessment Criteria" xr:uid="{24B2C639-3C9D-4FA1-A214-E917F9ECA2DF}"/>
    <hyperlink ref="A25" location="'NFR Assessment Criteria'!A1" display="NFR Assessment Criteria" xr:uid="{42C59EFF-9B4B-4CDC-9CD4-4DED3E19DB8A}"/>
  </hyperlinks>
  <pageMargins left="0.7" right="0.7" top="0.75" bottom="0.75" header="0.3" footer="0.3"/>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631A547-15EB-4C42-9752-275E3AE6F1E9}">
  <dimension ref="A1:K370"/>
  <sheetViews>
    <sheetView showGridLines="0" workbookViewId="0">
      <selection sqref="A1:K1"/>
    </sheetView>
  </sheetViews>
  <sheetFormatPr defaultRowHeight="15" x14ac:dyDescent="0.25"/>
  <cols>
    <col min="1" max="2" width="9.140625" style="13"/>
    <col min="3" max="3" width="11" style="13" customWidth="1"/>
    <col min="4" max="4" width="61.5703125" style="13" customWidth="1"/>
    <col min="5" max="5" width="40.42578125" style="13" customWidth="1"/>
    <col min="6" max="6" width="13.5703125" style="13" customWidth="1"/>
    <col min="7" max="7" width="32" style="13" customWidth="1"/>
    <col min="8" max="10" width="14.140625" style="13" customWidth="1"/>
    <col min="11" max="11" width="33" style="13" customWidth="1"/>
    <col min="12" max="16384" width="9.140625" style="13"/>
  </cols>
  <sheetData>
    <row r="1" spans="1:11" s="12" customFormat="1" ht="82.5" customHeight="1" x14ac:dyDescent="0.25">
      <c r="A1" s="77" t="s">
        <v>141</v>
      </c>
      <c r="B1" s="77"/>
      <c r="C1" s="77"/>
      <c r="D1" s="77"/>
      <c r="E1" s="77"/>
      <c r="F1" s="77"/>
      <c r="G1" s="77"/>
      <c r="H1" s="77"/>
      <c r="I1" s="77"/>
      <c r="J1" s="77"/>
      <c r="K1" s="77"/>
    </row>
    <row r="2" spans="1:11" ht="15.75" thickBot="1" x14ac:dyDescent="0.3"/>
    <row r="3" spans="1:11" ht="66.75" customHeight="1" thickBot="1" x14ac:dyDescent="0.3">
      <c r="A3" s="15" t="s">
        <v>0</v>
      </c>
      <c r="B3" s="15" t="s">
        <v>149</v>
      </c>
      <c r="C3" s="15" t="s">
        <v>879</v>
      </c>
      <c r="D3" s="16" t="s">
        <v>878</v>
      </c>
      <c r="E3" s="15" t="s">
        <v>150</v>
      </c>
      <c r="F3" s="15" t="s">
        <v>151</v>
      </c>
      <c r="G3" s="15" t="s">
        <v>152</v>
      </c>
      <c r="H3" s="1" t="s">
        <v>6</v>
      </c>
      <c r="I3" s="1" t="s">
        <v>153</v>
      </c>
      <c r="J3" s="1" t="s">
        <v>154</v>
      </c>
      <c r="K3" s="1" t="s">
        <v>155</v>
      </c>
    </row>
    <row r="4" spans="1:11" ht="38.25" x14ac:dyDescent="0.25">
      <c r="A4" s="47" t="s">
        <v>156</v>
      </c>
      <c r="B4" s="47" t="s">
        <v>148</v>
      </c>
      <c r="C4" s="74" t="s">
        <v>142</v>
      </c>
      <c r="D4" s="74" t="s">
        <v>143</v>
      </c>
      <c r="E4" s="47" t="s">
        <v>157</v>
      </c>
      <c r="F4" s="47" t="s">
        <v>158</v>
      </c>
      <c r="G4" s="4" t="s">
        <v>159</v>
      </c>
      <c r="H4" s="67" t="s">
        <v>16</v>
      </c>
      <c r="I4" s="67" t="s">
        <v>16</v>
      </c>
      <c r="J4" s="67" t="s">
        <v>16</v>
      </c>
      <c r="K4" s="4" t="s">
        <v>161</v>
      </c>
    </row>
    <row r="5" spans="1:11" x14ac:dyDescent="0.25">
      <c r="A5" s="48"/>
      <c r="B5" s="48"/>
      <c r="C5" s="75"/>
      <c r="D5" s="75"/>
      <c r="E5" s="48"/>
      <c r="F5" s="48"/>
      <c r="G5" s="18"/>
      <c r="H5" s="65"/>
      <c r="I5" s="65"/>
      <c r="J5" s="65"/>
      <c r="K5" s="18"/>
    </row>
    <row r="6" spans="1:11" ht="39" thickBot="1" x14ac:dyDescent="0.3">
      <c r="A6" s="48"/>
      <c r="B6" s="48"/>
      <c r="C6" s="76"/>
      <c r="D6" s="76"/>
      <c r="E6" s="48"/>
      <c r="F6" s="48"/>
      <c r="G6" s="4" t="s">
        <v>160</v>
      </c>
      <c r="H6" s="65"/>
      <c r="I6" s="65"/>
      <c r="J6" s="65"/>
      <c r="K6" s="4" t="s">
        <v>162</v>
      </c>
    </row>
    <row r="7" spans="1:11" ht="90" thickBot="1" x14ac:dyDescent="0.3">
      <c r="A7" s="48"/>
      <c r="B7" s="48"/>
      <c r="C7" s="14" t="s">
        <v>144</v>
      </c>
      <c r="D7" s="14" t="s">
        <v>145</v>
      </c>
      <c r="E7" s="48"/>
      <c r="F7" s="48"/>
      <c r="G7" s="19"/>
      <c r="H7" s="65"/>
      <c r="I7" s="65"/>
      <c r="J7" s="65"/>
      <c r="K7" s="18"/>
    </row>
    <row r="8" spans="1:11" ht="51.75" thickBot="1" x14ac:dyDescent="0.3">
      <c r="A8" s="49"/>
      <c r="B8" s="49"/>
      <c r="C8" s="14" t="s">
        <v>146</v>
      </c>
      <c r="D8" s="14" t="s">
        <v>147</v>
      </c>
      <c r="E8" s="49"/>
      <c r="F8" s="49"/>
      <c r="G8" s="20"/>
      <c r="H8" s="71"/>
      <c r="I8" s="71"/>
      <c r="J8" s="71"/>
      <c r="K8" s="2" t="s">
        <v>163</v>
      </c>
    </row>
    <row r="9" spans="1:11" ht="51" x14ac:dyDescent="0.25">
      <c r="A9" s="47" t="s">
        <v>156</v>
      </c>
      <c r="B9" s="47" t="s">
        <v>164</v>
      </c>
      <c r="C9" s="74" t="s">
        <v>165</v>
      </c>
      <c r="D9" s="74" t="s">
        <v>166</v>
      </c>
      <c r="E9" s="47" t="s">
        <v>157</v>
      </c>
      <c r="F9" s="47" t="s">
        <v>158</v>
      </c>
      <c r="G9" s="4" t="s">
        <v>167</v>
      </c>
      <c r="H9" s="67" t="s">
        <v>16</v>
      </c>
      <c r="I9" s="67" t="s">
        <v>16</v>
      </c>
      <c r="J9" s="67" t="s">
        <v>16</v>
      </c>
      <c r="K9" s="4" t="s">
        <v>161</v>
      </c>
    </row>
    <row r="10" spans="1:11" x14ac:dyDescent="0.25">
      <c r="A10" s="48"/>
      <c r="B10" s="48"/>
      <c r="C10" s="75"/>
      <c r="D10" s="75"/>
      <c r="E10" s="48"/>
      <c r="F10" s="48"/>
      <c r="G10" s="18"/>
      <c r="H10" s="65"/>
      <c r="I10" s="65"/>
      <c r="J10" s="65"/>
      <c r="K10" s="18"/>
    </row>
    <row r="11" spans="1:11" ht="39" thickBot="1" x14ac:dyDescent="0.3">
      <c r="A11" s="48"/>
      <c r="B11" s="48"/>
      <c r="C11" s="76"/>
      <c r="D11" s="76"/>
      <c r="E11" s="48"/>
      <c r="F11" s="48"/>
      <c r="G11" s="4" t="s">
        <v>168</v>
      </c>
      <c r="H11" s="65"/>
      <c r="I11" s="65"/>
      <c r="J11" s="65"/>
      <c r="K11" s="4" t="s">
        <v>169</v>
      </c>
    </row>
    <row r="12" spans="1:11" ht="39" thickBot="1" x14ac:dyDescent="0.3">
      <c r="A12" s="48"/>
      <c r="B12" s="48"/>
      <c r="C12" s="14" t="s">
        <v>170</v>
      </c>
      <c r="D12" s="14" t="s">
        <v>171</v>
      </c>
      <c r="E12" s="48"/>
      <c r="F12" s="48"/>
      <c r="G12" s="19"/>
      <c r="H12" s="65"/>
      <c r="I12" s="65"/>
      <c r="J12" s="65"/>
      <c r="K12" s="18"/>
    </row>
    <row r="13" spans="1:11" ht="51.75" thickBot="1" x14ac:dyDescent="0.3">
      <c r="A13" s="49"/>
      <c r="B13" s="49"/>
      <c r="C13" s="14" t="s">
        <v>172</v>
      </c>
      <c r="D13" s="14" t="s">
        <v>173</v>
      </c>
      <c r="E13" s="49"/>
      <c r="F13" s="49"/>
      <c r="G13" s="20"/>
      <c r="H13" s="71"/>
      <c r="I13" s="71"/>
      <c r="J13" s="71"/>
      <c r="K13" s="2" t="s">
        <v>163</v>
      </c>
    </row>
    <row r="14" spans="1:11" ht="38.25" x14ac:dyDescent="0.25">
      <c r="A14" s="47" t="s">
        <v>156</v>
      </c>
      <c r="B14" s="47" t="s">
        <v>174</v>
      </c>
      <c r="C14" s="74" t="s">
        <v>175</v>
      </c>
      <c r="D14" s="74" t="s">
        <v>176</v>
      </c>
      <c r="E14" s="47" t="s">
        <v>157</v>
      </c>
      <c r="F14" s="47" t="s">
        <v>158</v>
      </c>
      <c r="G14" s="47" t="s">
        <v>177</v>
      </c>
      <c r="H14" s="67" t="s">
        <v>16</v>
      </c>
      <c r="I14" s="67" t="s">
        <v>16</v>
      </c>
      <c r="J14" s="67"/>
      <c r="K14" s="4" t="s">
        <v>178</v>
      </c>
    </row>
    <row r="15" spans="1:11" x14ac:dyDescent="0.25">
      <c r="A15" s="48"/>
      <c r="B15" s="48"/>
      <c r="C15" s="75"/>
      <c r="D15" s="75"/>
      <c r="E15" s="48"/>
      <c r="F15" s="48"/>
      <c r="G15" s="48"/>
      <c r="H15" s="65"/>
      <c r="I15" s="65"/>
      <c r="J15" s="65"/>
      <c r="K15" s="18"/>
    </row>
    <row r="16" spans="1:11" ht="38.25" x14ac:dyDescent="0.25">
      <c r="A16" s="48"/>
      <c r="B16" s="48"/>
      <c r="C16" s="75"/>
      <c r="D16" s="75"/>
      <c r="E16" s="48"/>
      <c r="F16" s="48"/>
      <c r="G16" s="48"/>
      <c r="H16" s="65"/>
      <c r="I16" s="65"/>
      <c r="J16" s="65"/>
      <c r="K16" s="4" t="s">
        <v>179</v>
      </c>
    </row>
    <row r="17" spans="1:11" ht="15.75" thickBot="1" x14ac:dyDescent="0.3">
      <c r="A17" s="48"/>
      <c r="B17" s="48"/>
      <c r="C17" s="76"/>
      <c r="D17" s="76"/>
      <c r="E17" s="48"/>
      <c r="F17" s="48"/>
      <c r="G17" s="48"/>
      <c r="H17" s="65"/>
      <c r="I17" s="65"/>
      <c r="J17" s="65"/>
      <c r="K17" s="18"/>
    </row>
    <row r="18" spans="1:11" ht="39" thickBot="1" x14ac:dyDescent="0.3">
      <c r="A18" s="49"/>
      <c r="B18" s="49"/>
      <c r="C18" s="14" t="s">
        <v>181</v>
      </c>
      <c r="D18" s="14" t="s">
        <v>182</v>
      </c>
      <c r="E18" s="49"/>
      <c r="F18" s="49"/>
      <c r="G18" s="49"/>
      <c r="H18" s="71"/>
      <c r="I18" s="71"/>
      <c r="J18" s="71"/>
      <c r="K18" s="2" t="s">
        <v>180</v>
      </c>
    </row>
    <row r="19" spans="1:11" ht="76.5" x14ac:dyDescent="0.25">
      <c r="A19" s="47" t="s">
        <v>156</v>
      </c>
      <c r="B19" s="47" t="s">
        <v>183</v>
      </c>
      <c r="C19" s="47" t="s">
        <v>184</v>
      </c>
      <c r="D19" s="47" t="s">
        <v>185</v>
      </c>
      <c r="E19" s="47" t="s">
        <v>157</v>
      </c>
      <c r="F19" s="47" t="s">
        <v>158</v>
      </c>
      <c r="G19" s="4" t="s">
        <v>186</v>
      </c>
      <c r="H19" s="67" t="s">
        <v>16</v>
      </c>
      <c r="I19" s="67" t="s">
        <v>16</v>
      </c>
      <c r="J19" s="67" t="s">
        <v>16</v>
      </c>
      <c r="K19" s="4" t="s">
        <v>188</v>
      </c>
    </row>
    <row r="20" spans="1:11" x14ac:dyDescent="0.25">
      <c r="A20" s="48"/>
      <c r="B20" s="48"/>
      <c r="C20" s="48"/>
      <c r="D20" s="48"/>
      <c r="E20" s="48"/>
      <c r="F20" s="48"/>
      <c r="G20" s="18"/>
      <c r="H20" s="65"/>
      <c r="I20" s="65"/>
      <c r="J20" s="65"/>
      <c r="K20" s="18"/>
    </row>
    <row r="21" spans="1:11" ht="38.25" x14ac:dyDescent="0.25">
      <c r="A21" s="48"/>
      <c r="B21" s="48"/>
      <c r="C21" s="48"/>
      <c r="D21" s="48"/>
      <c r="E21" s="48"/>
      <c r="F21" s="48"/>
      <c r="G21" s="4" t="s">
        <v>187</v>
      </c>
      <c r="H21" s="65"/>
      <c r="I21" s="65"/>
      <c r="J21" s="65"/>
      <c r="K21" s="4" t="s">
        <v>178</v>
      </c>
    </row>
    <row r="22" spans="1:11" ht="15.75" thickBot="1" x14ac:dyDescent="0.3">
      <c r="A22" s="48"/>
      <c r="B22" s="48"/>
      <c r="C22" s="49"/>
      <c r="D22" s="49"/>
      <c r="E22" s="48"/>
      <c r="F22" s="48"/>
      <c r="G22" s="19"/>
      <c r="H22" s="65"/>
      <c r="I22" s="65"/>
      <c r="J22" s="65"/>
      <c r="K22" s="18"/>
    </row>
    <row r="23" spans="1:11" ht="64.5" thickBot="1" x14ac:dyDescent="0.3">
      <c r="A23" s="48"/>
      <c r="B23" s="48"/>
      <c r="C23" s="2" t="s">
        <v>190</v>
      </c>
      <c r="D23" s="2" t="s">
        <v>191</v>
      </c>
      <c r="E23" s="48"/>
      <c r="F23" s="48"/>
      <c r="G23" s="19"/>
      <c r="H23" s="65"/>
      <c r="I23" s="65"/>
      <c r="J23" s="65"/>
      <c r="K23" s="4" t="s">
        <v>189</v>
      </c>
    </row>
    <row r="24" spans="1:11" ht="39" thickBot="1" x14ac:dyDescent="0.3">
      <c r="A24" s="48"/>
      <c r="B24" s="48"/>
      <c r="C24" s="2" t="s">
        <v>192</v>
      </c>
      <c r="D24" s="2" t="s">
        <v>193</v>
      </c>
      <c r="E24" s="48"/>
      <c r="F24" s="48"/>
      <c r="G24" s="19"/>
      <c r="H24" s="65"/>
      <c r="I24" s="65"/>
      <c r="J24" s="65"/>
      <c r="K24" s="18"/>
    </row>
    <row r="25" spans="1:11" ht="51.75" thickBot="1" x14ac:dyDescent="0.3">
      <c r="A25" s="49"/>
      <c r="B25" s="49"/>
      <c r="C25" s="2" t="s">
        <v>194</v>
      </c>
      <c r="D25" s="2" t="s">
        <v>195</v>
      </c>
      <c r="E25" s="49"/>
      <c r="F25" s="49"/>
      <c r="G25" s="20"/>
      <c r="H25" s="71"/>
      <c r="I25" s="71"/>
      <c r="J25" s="71"/>
      <c r="K25" s="2" t="s">
        <v>163</v>
      </c>
    </row>
    <row r="26" spans="1:11" ht="38.25" x14ac:dyDescent="0.25">
      <c r="A26" s="47" t="s">
        <v>156</v>
      </c>
      <c r="B26" s="47" t="s">
        <v>196</v>
      </c>
      <c r="C26" s="47" t="s">
        <v>197</v>
      </c>
      <c r="D26" s="74" t="s">
        <v>198</v>
      </c>
      <c r="E26" s="47" t="s">
        <v>157</v>
      </c>
      <c r="F26" s="47" t="s">
        <v>158</v>
      </c>
      <c r="G26" s="47" t="s">
        <v>199</v>
      </c>
      <c r="H26" s="67" t="s">
        <v>16</v>
      </c>
      <c r="I26" s="67" t="s">
        <v>16</v>
      </c>
      <c r="J26" s="67"/>
      <c r="K26" s="4" t="s">
        <v>178</v>
      </c>
    </row>
    <row r="27" spans="1:11" x14ac:dyDescent="0.25">
      <c r="A27" s="48"/>
      <c r="B27" s="48"/>
      <c r="C27" s="48"/>
      <c r="D27" s="75"/>
      <c r="E27" s="48"/>
      <c r="F27" s="48"/>
      <c r="G27" s="48"/>
      <c r="H27" s="65"/>
      <c r="I27" s="65"/>
      <c r="J27" s="65"/>
      <c r="K27" s="18"/>
    </row>
    <row r="28" spans="1:11" ht="38.25" x14ac:dyDescent="0.25">
      <c r="A28" s="48"/>
      <c r="B28" s="48"/>
      <c r="C28" s="48"/>
      <c r="D28" s="75"/>
      <c r="E28" s="48"/>
      <c r="F28" s="48"/>
      <c r="G28" s="48"/>
      <c r="H28" s="65"/>
      <c r="I28" s="65"/>
      <c r="J28" s="65"/>
      <c r="K28" s="4" t="s">
        <v>179</v>
      </c>
    </row>
    <row r="29" spans="1:11" x14ac:dyDescent="0.25">
      <c r="A29" s="48"/>
      <c r="B29" s="48"/>
      <c r="C29" s="48"/>
      <c r="D29" s="75"/>
      <c r="E29" s="48"/>
      <c r="F29" s="48"/>
      <c r="G29" s="48"/>
      <c r="H29" s="65"/>
      <c r="I29" s="65"/>
      <c r="J29" s="65"/>
      <c r="K29" s="18"/>
    </row>
    <row r="30" spans="1:11" ht="15.75" thickBot="1" x14ac:dyDescent="0.3">
      <c r="A30" s="49"/>
      <c r="B30" s="49"/>
      <c r="C30" s="49"/>
      <c r="D30" s="76"/>
      <c r="E30" s="49"/>
      <c r="F30" s="49"/>
      <c r="G30" s="49"/>
      <c r="H30" s="71"/>
      <c r="I30" s="71"/>
      <c r="J30" s="71"/>
      <c r="K30" s="2" t="s">
        <v>180</v>
      </c>
    </row>
    <row r="31" spans="1:11" ht="39" thickBot="1" x14ac:dyDescent="0.3">
      <c r="A31" s="47" t="s">
        <v>156</v>
      </c>
      <c r="B31" s="47" t="s">
        <v>200</v>
      </c>
      <c r="C31" s="14" t="s">
        <v>201</v>
      </c>
      <c r="D31" s="14" t="s">
        <v>202</v>
      </c>
      <c r="E31" s="47" t="s">
        <v>157</v>
      </c>
      <c r="F31" s="47" t="s">
        <v>158</v>
      </c>
      <c r="G31" s="47" t="s">
        <v>203</v>
      </c>
      <c r="H31" s="67" t="s">
        <v>16</v>
      </c>
      <c r="I31" s="67" t="s">
        <v>16</v>
      </c>
      <c r="J31" s="67" t="s">
        <v>16</v>
      </c>
      <c r="K31" s="4" t="s">
        <v>161</v>
      </c>
    </row>
    <row r="32" spans="1:11" ht="39" thickBot="1" x14ac:dyDescent="0.3">
      <c r="A32" s="48"/>
      <c r="B32" s="48"/>
      <c r="C32" s="14" t="s">
        <v>205</v>
      </c>
      <c r="D32" s="14" t="s">
        <v>206</v>
      </c>
      <c r="E32" s="48"/>
      <c r="F32" s="48"/>
      <c r="G32" s="48"/>
      <c r="H32" s="65"/>
      <c r="I32" s="65"/>
      <c r="J32" s="65"/>
      <c r="K32" s="18"/>
    </row>
    <row r="33" spans="1:11" ht="39" thickBot="1" x14ac:dyDescent="0.3">
      <c r="A33" s="48"/>
      <c r="B33" s="48"/>
      <c r="C33" s="14" t="s">
        <v>207</v>
      </c>
      <c r="D33" s="14" t="s">
        <v>208</v>
      </c>
      <c r="E33" s="48"/>
      <c r="F33" s="48"/>
      <c r="G33" s="48"/>
      <c r="H33" s="65"/>
      <c r="I33" s="65"/>
      <c r="J33" s="65"/>
      <c r="K33" s="4" t="s">
        <v>204</v>
      </c>
    </row>
    <row r="34" spans="1:11" ht="39" thickBot="1" x14ac:dyDescent="0.3">
      <c r="A34" s="48"/>
      <c r="B34" s="48"/>
      <c r="C34" s="14" t="s">
        <v>209</v>
      </c>
      <c r="D34" s="14" t="s">
        <v>210</v>
      </c>
      <c r="E34" s="48"/>
      <c r="F34" s="48"/>
      <c r="G34" s="48"/>
      <c r="H34" s="65"/>
      <c r="I34" s="65"/>
      <c r="J34" s="65"/>
      <c r="K34" s="18"/>
    </row>
    <row r="35" spans="1:11" ht="51.75" thickBot="1" x14ac:dyDescent="0.3">
      <c r="A35" s="49"/>
      <c r="B35" s="49"/>
      <c r="C35" s="14" t="s">
        <v>211</v>
      </c>
      <c r="D35" s="14" t="s">
        <v>212</v>
      </c>
      <c r="E35" s="49"/>
      <c r="F35" s="49"/>
      <c r="G35" s="49"/>
      <c r="H35" s="71"/>
      <c r="I35" s="71"/>
      <c r="J35" s="71"/>
      <c r="K35" s="2" t="s">
        <v>163</v>
      </c>
    </row>
    <row r="36" spans="1:11" ht="38.25" x14ac:dyDescent="0.25">
      <c r="A36" s="47" t="s">
        <v>156</v>
      </c>
      <c r="B36" s="47" t="s">
        <v>213</v>
      </c>
      <c r="C36" s="74" t="s">
        <v>214</v>
      </c>
      <c r="D36" s="47" t="s">
        <v>215</v>
      </c>
      <c r="E36" s="47" t="s">
        <v>157</v>
      </c>
      <c r="F36" s="47" t="s">
        <v>158</v>
      </c>
      <c r="G36" s="47" t="s">
        <v>216</v>
      </c>
      <c r="H36" s="67" t="s">
        <v>16</v>
      </c>
      <c r="I36" s="67" t="s">
        <v>16</v>
      </c>
      <c r="J36" s="67"/>
      <c r="K36" s="4" t="s">
        <v>178</v>
      </c>
    </row>
    <row r="37" spans="1:11" x14ac:dyDescent="0.25">
      <c r="A37" s="48"/>
      <c r="B37" s="48"/>
      <c r="C37" s="75"/>
      <c r="D37" s="48"/>
      <c r="E37" s="48"/>
      <c r="F37" s="48"/>
      <c r="G37" s="48"/>
      <c r="H37" s="65"/>
      <c r="I37" s="65"/>
      <c r="J37" s="65"/>
      <c r="K37" s="18"/>
    </row>
    <row r="38" spans="1:11" ht="38.25" x14ac:dyDescent="0.25">
      <c r="A38" s="48"/>
      <c r="B38" s="48"/>
      <c r="C38" s="75"/>
      <c r="D38" s="48"/>
      <c r="E38" s="48"/>
      <c r="F38" s="48"/>
      <c r="G38" s="48"/>
      <c r="H38" s="65"/>
      <c r="I38" s="65"/>
      <c r="J38" s="65"/>
      <c r="K38" s="4" t="s">
        <v>179</v>
      </c>
    </row>
    <row r="39" spans="1:11" x14ac:dyDescent="0.25">
      <c r="A39" s="48"/>
      <c r="B39" s="48"/>
      <c r="C39" s="75"/>
      <c r="D39" s="48"/>
      <c r="E39" s="48"/>
      <c r="F39" s="48"/>
      <c r="G39" s="48"/>
      <c r="H39" s="65"/>
      <c r="I39" s="65"/>
      <c r="J39" s="65"/>
      <c r="K39" s="18"/>
    </row>
    <row r="40" spans="1:11" ht="15.75" thickBot="1" x14ac:dyDescent="0.3">
      <c r="A40" s="49"/>
      <c r="B40" s="49"/>
      <c r="C40" s="76"/>
      <c r="D40" s="49"/>
      <c r="E40" s="49"/>
      <c r="F40" s="49"/>
      <c r="G40" s="49"/>
      <c r="H40" s="71"/>
      <c r="I40" s="71"/>
      <c r="J40" s="71"/>
      <c r="K40" s="2" t="s">
        <v>217</v>
      </c>
    </row>
    <row r="41" spans="1:11" ht="38.25" x14ac:dyDescent="0.25">
      <c r="A41" s="47" t="s">
        <v>156</v>
      </c>
      <c r="B41" s="47" t="s">
        <v>218</v>
      </c>
      <c r="C41" s="47" t="s">
        <v>219</v>
      </c>
      <c r="D41" s="47" t="s">
        <v>220</v>
      </c>
      <c r="E41" s="47" t="s">
        <v>221</v>
      </c>
      <c r="F41" s="47" t="s">
        <v>158</v>
      </c>
      <c r="G41" s="47" t="s">
        <v>222</v>
      </c>
      <c r="H41" s="67" t="s">
        <v>16</v>
      </c>
      <c r="I41" s="68"/>
      <c r="J41" s="68"/>
      <c r="K41" s="4" t="s">
        <v>223</v>
      </c>
    </row>
    <row r="42" spans="1:11" x14ac:dyDescent="0.25">
      <c r="A42" s="48"/>
      <c r="B42" s="48"/>
      <c r="C42" s="48"/>
      <c r="D42" s="48"/>
      <c r="E42" s="48"/>
      <c r="F42" s="48"/>
      <c r="G42" s="48"/>
      <c r="H42" s="65"/>
      <c r="I42" s="69"/>
      <c r="J42" s="69"/>
      <c r="K42" s="18"/>
    </row>
    <row r="43" spans="1:11" ht="15.75" thickBot="1" x14ac:dyDescent="0.3">
      <c r="A43" s="49"/>
      <c r="B43" s="49"/>
      <c r="C43" s="49"/>
      <c r="D43" s="49"/>
      <c r="E43" s="49"/>
      <c r="F43" s="49"/>
      <c r="G43" s="49"/>
      <c r="H43" s="71"/>
      <c r="I43" s="70"/>
      <c r="J43" s="70"/>
      <c r="K43" s="2" t="s">
        <v>180</v>
      </c>
    </row>
    <row r="44" spans="1:11" ht="38.25" x14ac:dyDescent="0.25">
      <c r="A44" s="47" t="s">
        <v>156</v>
      </c>
      <c r="B44" s="47" t="s">
        <v>224</v>
      </c>
      <c r="C44" s="74" t="s">
        <v>225</v>
      </c>
      <c r="D44" s="74" t="s">
        <v>226</v>
      </c>
      <c r="E44" s="47" t="s">
        <v>157</v>
      </c>
      <c r="F44" s="47" t="s">
        <v>158</v>
      </c>
      <c r="G44" s="4" t="s">
        <v>227</v>
      </c>
      <c r="H44" s="67" t="s">
        <v>16</v>
      </c>
      <c r="I44" s="67" t="s">
        <v>16</v>
      </c>
      <c r="J44" s="67" t="s">
        <v>16</v>
      </c>
      <c r="K44" s="4" t="s">
        <v>161</v>
      </c>
    </row>
    <row r="45" spans="1:11" x14ac:dyDescent="0.25">
      <c r="A45" s="48"/>
      <c r="B45" s="48"/>
      <c r="C45" s="75"/>
      <c r="D45" s="75"/>
      <c r="E45" s="48"/>
      <c r="F45" s="48"/>
      <c r="G45" s="18"/>
      <c r="H45" s="65"/>
      <c r="I45" s="65"/>
      <c r="J45" s="65"/>
      <c r="K45" s="18"/>
    </row>
    <row r="46" spans="1:11" ht="39" thickBot="1" x14ac:dyDescent="0.3">
      <c r="A46" s="48"/>
      <c r="B46" s="48"/>
      <c r="C46" s="76"/>
      <c r="D46" s="76"/>
      <c r="E46" s="48"/>
      <c r="F46" s="48"/>
      <c r="G46" s="4" t="s">
        <v>187</v>
      </c>
      <c r="H46" s="65"/>
      <c r="I46" s="65"/>
      <c r="J46" s="65"/>
      <c r="K46" s="4" t="s">
        <v>228</v>
      </c>
    </row>
    <row r="47" spans="1:11" ht="38.25" x14ac:dyDescent="0.25">
      <c r="A47" s="48"/>
      <c r="B47" s="48"/>
      <c r="C47" s="74" t="s">
        <v>229</v>
      </c>
      <c r="D47" s="17" t="s">
        <v>230</v>
      </c>
      <c r="E47" s="48"/>
      <c r="F47" s="48"/>
      <c r="G47" s="19"/>
      <c r="H47" s="65"/>
      <c r="I47" s="65"/>
      <c r="J47" s="65"/>
      <c r="K47" s="18"/>
    </row>
    <row r="48" spans="1:11" ht="51" x14ac:dyDescent="0.25">
      <c r="A48" s="48"/>
      <c r="B48" s="48"/>
      <c r="C48" s="75"/>
      <c r="D48" s="17" t="s">
        <v>231</v>
      </c>
      <c r="E48" s="48"/>
      <c r="F48" s="48"/>
      <c r="G48" s="19"/>
      <c r="H48" s="65"/>
      <c r="I48" s="65"/>
      <c r="J48" s="65"/>
      <c r="K48" s="4" t="s">
        <v>163</v>
      </c>
    </row>
    <row r="49" spans="1:11" ht="15.75" thickBot="1" x14ac:dyDescent="0.3">
      <c r="A49" s="48"/>
      <c r="B49" s="48"/>
      <c r="C49" s="76"/>
      <c r="D49" s="14" t="s">
        <v>232</v>
      </c>
      <c r="E49" s="48"/>
      <c r="F49" s="48"/>
      <c r="G49" s="19"/>
      <c r="H49" s="65"/>
      <c r="I49" s="65"/>
      <c r="J49" s="65"/>
      <c r="K49" s="19"/>
    </row>
    <row r="50" spans="1:11" ht="39" thickBot="1" x14ac:dyDescent="0.3">
      <c r="A50" s="49"/>
      <c r="B50" s="49"/>
      <c r="C50" s="14" t="s">
        <v>233</v>
      </c>
      <c r="D50" s="14" t="s">
        <v>234</v>
      </c>
      <c r="E50" s="49"/>
      <c r="F50" s="49"/>
      <c r="G50" s="20"/>
      <c r="H50" s="71"/>
      <c r="I50" s="71"/>
      <c r="J50" s="71"/>
      <c r="K50" s="20"/>
    </row>
    <row r="51" spans="1:11" ht="38.25" x14ac:dyDescent="0.25">
      <c r="A51" s="47" t="s">
        <v>156</v>
      </c>
      <c r="B51" s="47" t="s">
        <v>235</v>
      </c>
      <c r="C51" s="74" t="s">
        <v>236</v>
      </c>
      <c r="D51" s="74" t="s">
        <v>237</v>
      </c>
      <c r="E51" s="47" t="s">
        <v>157</v>
      </c>
      <c r="F51" s="47" t="s">
        <v>158</v>
      </c>
      <c r="G51" s="4" t="s">
        <v>238</v>
      </c>
      <c r="H51" s="67" t="s">
        <v>16</v>
      </c>
      <c r="I51" s="67" t="s">
        <v>16</v>
      </c>
      <c r="J51" s="67" t="s">
        <v>16</v>
      </c>
      <c r="K51" s="4" t="s">
        <v>161</v>
      </c>
    </row>
    <row r="52" spans="1:11" x14ac:dyDescent="0.25">
      <c r="A52" s="48"/>
      <c r="B52" s="48"/>
      <c r="C52" s="75"/>
      <c r="D52" s="75"/>
      <c r="E52" s="48"/>
      <c r="F52" s="48"/>
      <c r="G52" s="18"/>
      <c r="H52" s="65"/>
      <c r="I52" s="65"/>
      <c r="J52" s="65"/>
      <c r="K52" s="18"/>
    </row>
    <row r="53" spans="1:11" ht="38.25" x14ac:dyDescent="0.25">
      <c r="A53" s="48"/>
      <c r="B53" s="48"/>
      <c r="C53" s="75"/>
      <c r="D53" s="75"/>
      <c r="E53" s="48"/>
      <c r="F53" s="48"/>
      <c r="G53" s="4" t="s">
        <v>187</v>
      </c>
      <c r="H53" s="65"/>
      <c r="I53" s="65"/>
      <c r="J53" s="65"/>
      <c r="K53" s="4" t="s">
        <v>228</v>
      </c>
    </row>
    <row r="54" spans="1:11" x14ac:dyDescent="0.25">
      <c r="A54" s="48"/>
      <c r="B54" s="48"/>
      <c r="C54" s="75"/>
      <c r="D54" s="75"/>
      <c r="E54" s="48"/>
      <c r="F54" s="48"/>
      <c r="G54" s="19"/>
      <c r="H54" s="65"/>
      <c r="I54" s="65"/>
      <c r="J54" s="65"/>
      <c r="K54" s="18"/>
    </row>
    <row r="55" spans="1:11" ht="51.75" thickBot="1" x14ac:dyDescent="0.3">
      <c r="A55" s="49"/>
      <c r="B55" s="49"/>
      <c r="C55" s="76"/>
      <c r="D55" s="76"/>
      <c r="E55" s="49"/>
      <c r="F55" s="49"/>
      <c r="G55" s="20"/>
      <c r="H55" s="71"/>
      <c r="I55" s="71"/>
      <c r="J55" s="71"/>
      <c r="K55" s="2" t="s">
        <v>163</v>
      </c>
    </row>
    <row r="56" spans="1:11" ht="51.75" thickBot="1" x14ac:dyDescent="0.3">
      <c r="A56" s="47" t="s">
        <v>156</v>
      </c>
      <c r="B56" s="47" t="s">
        <v>239</v>
      </c>
      <c r="C56" s="14" t="s">
        <v>240</v>
      </c>
      <c r="D56" s="14" t="s">
        <v>241</v>
      </c>
      <c r="E56" s="47" t="s">
        <v>157</v>
      </c>
      <c r="F56" s="47" t="s">
        <v>158</v>
      </c>
      <c r="G56" s="47" t="s">
        <v>242</v>
      </c>
      <c r="H56" s="67" t="s">
        <v>16</v>
      </c>
      <c r="I56" s="67" t="s">
        <v>16</v>
      </c>
      <c r="J56" s="68"/>
      <c r="K56" s="4" t="s">
        <v>243</v>
      </c>
    </row>
    <row r="57" spans="1:11" ht="26.25" thickBot="1" x14ac:dyDescent="0.3">
      <c r="A57" s="48"/>
      <c r="B57" s="48"/>
      <c r="C57" s="14" t="s">
        <v>246</v>
      </c>
      <c r="D57" s="14" t="s">
        <v>247</v>
      </c>
      <c r="E57" s="48"/>
      <c r="F57" s="48"/>
      <c r="G57" s="48"/>
      <c r="H57" s="65"/>
      <c r="I57" s="65"/>
      <c r="J57" s="69"/>
      <c r="K57" s="18"/>
    </row>
    <row r="58" spans="1:11" ht="51.75" thickBot="1" x14ac:dyDescent="0.3">
      <c r="A58" s="48"/>
      <c r="B58" s="48"/>
      <c r="C58" s="14" t="s">
        <v>248</v>
      </c>
      <c r="D58" s="14" t="s">
        <v>249</v>
      </c>
      <c r="E58" s="48"/>
      <c r="F58" s="48"/>
      <c r="G58" s="48"/>
      <c r="H58" s="65"/>
      <c r="I58" s="65"/>
      <c r="J58" s="69"/>
      <c r="K58" s="4" t="s">
        <v>244</v>
      </c>
    </row>
    <row r="59" spans="1:11" ht="39" thickBot="1" x14ac:dyDescent="0.3">
      <c r="A59" s="48"/>
      <c r="B59" s="48"/>
      <c r="C59" s="14" t="s">
        <v>250</v>
      </c>
      <c r="D59" s="14" t="s">
        <v>251</v>
      </c>
      <c r="E59" s="48"/>
      <c r="F59" s="48"/>
      <c r="G59" s="48"/>
      <c r="H59" s="65"/>
      <c r="I59" s="65"/>
      <c r="J59" s="69"/>
      <c r="K59" s="18"/>
    </row>
    <row r="60" spans="1:11" ht="115.5" thickBot="1" x14ac:dyDescent="0.3">
      <c r="A60" s="49"/>
      <c r="B60" s="49"/>
      <c r="C60" s="14" t="s">
        <v>252</v>
      </c>
      <c r="D60" s="14" t="s">
        <v>253</v>
      </c>
      <c r="E60" s="49"/>
      <c r="F60" s="49"/>
      <c r="G60" s="49"/>
      <c r="H60" s="71"/>
      <c r="I60" s="71"/>
      <c r="J60" s="70"/>
      <c r="K60" s="2" t="s">
        <v>245</v>
      </c>
    </row>
    <row r="61" spans="1:11" ht="38.25" x14ac:dyDescent="0.25">
      <c r="A61" s="47" t="s">
        <v>156</v>
      </c>
      <c r="B61" s="47" t="s">
        <v>254</v>
      </c>
      <c r="C61" s="47" t="s">
        <v>194</v>
      </c>
      <c r="D61" s="74" t="s">
        <v>195</v>
      </c>
      <c r="E61" s="47" t="s">
        <v>157</v>
      </c>
      <c r="F61" s="47" t="s">
        <v>158</v>
      </c>
      <c r="G61" s="47" t="s">
        <v>255</v>
      </c>
      <c r="H61" s="67" t="s">
        <v>16</v>
      </c>
      <c r="I61" s="67" t="s">
        <v>16</v>
      </c>
      <c r="J61" s="68"/>
      <c r="K61" s="4" t="s">
        <v>178</v>
      </c>
    </row>
    <row r="62" spans="1:11" x14ac:dyDescent="0.25">
      <c r="A62" s="48"/>
      <c r="B62" s="48"/>
      <c r="C62" s="48"/>
      <c r="D62" s="75"/>
      <c r="E62" s="48"/>
      <c r="F62" s="48"/>
      <c r="G62" s="48"/>
      <c r="H62" s="65"/>
      <c r="I62" s="65"/>
      <c r="J62" s="69"/>
      <c r="K62" s="18"/>
    </row>
    <row r="63" spans="1:11" ht="38.25" x14ac:dyDescent="0.25">
      <c r="A63" s="48"/>
      <c r="B63" s="48"/>
      <c r="C63" s="48"/>
      <c r="D63" s="75"/>
      <c r="E63" s="48"/>
      <c r="F63" s="48"/>
      <c r="G63" s="48"/>
      <c r="H63" s="65"/>
      <c r="I63" s="65"/>
      <c r="J63" s="69"/>
      <c r="K63" s="4" t="s">
        <v>179</v>
      </c>
    </row>
    <row r="64" spans="1:11" x14ac:dyDescent="0.25">
      <c r="A64" s="48"/>
      <c r="B64" s="48"/>
      <c r="C64" s="48"/>
      <c r="D64" s="75"/>
      <c r="E64" s="48"/>
      <c r="F64" s="48"/>
      <c r="G64" s="48"/>
      <c r="H64" s="65"/>
      <c r="I64" s="65"/>
      <c r="J64" s="69"/>
      <c r="K64" s="18"/>
    </row>
    <row r="65" spans="1:11" ht="15.75" thickBot="1" x14ac:dyDescent="0.3">
      <c r="A65" s="49"/>
      <c r="B65" s="49"/>
      <c r="C65" s="49"/>
      <c r="D65" s="76"/>
      <c r="E65" s="49"/>
      <c r="F65" s="49"/>
      <c r="G65" s="49"/>
      <c r="H65" s="71"/>
      <c r="I65" s="71"/>
      <c r="J65" s="70"/>
      <c r="K65" s="2" t="s">
        <v>180</v>
      </c>
    </row>
    <row r="66" spans="1:11" ht="38.25" x14ac:dyDescent="0.25">
      <c r="A66" s="47" t="s">
        <v>156</v>
      </c>
      <c r="B66" s="47" t="s">
        <v>256</v>
      </c>
      <c r="C66" s="47" t="s">
        <v>257</v>
      </c>
      <c r="D66" s="74" t="s">
        <v>258</v>
      </c>
      <c r="E66" s="47" t="s">
        <v>259</v>
      </c>
      <c r="F66" s="47" t="s">
        <v>158</v>
      </c>
      <c r="G66" s="4" t="s">
        <v>260</v>
      </c>
      <c r="H66" s="67" t="s">
        <v>16</v>
      </c>
      <c r="I66" s="67" t="s">
        <v>16</v>
      </c>
      <c r="J66" s="67" t="s">
        <v>16</v>
      </c>
      <c r="K66" s="4" t="s">
        <v>161</v>
      </c>
    </row>
    <row r="67" spans="1:11" x14ac:dyDescent="0.25">
      <c r="A67" s="48"/>
      <c r="B67" s="48"/>
      <c r="C67" s="48"/>
      <c r="D67" s="75"/>
      <c r="E67" s="48"/>
      <c r="F67" s="48"/>
      <c r="G67" s="18"/>
      <c r="H67" s="65"/>
      <c r="I67" s="65"/>
      <c r="J67" s="65"/>
      <c r="K67" s="18"/>
    </row>
    <row r="68" spans="1:11" ht="38.25" x14ac:dyDescent="0.25">
      <c r="A68" s="48"/>
      <c r="B68" s="48"/>
      <c r="C68" s="48"/>
      <c r="D68" s="75"/>
      <c r="E68" s="48"/>
      <c r="F68" s="48"/>
      <c r="G68" s="4" t="s">
        <v>261</v>
      </c>
      <c r="H68" s="65"/>
      <c r="I68" s="65"/>
      <c r="J68" s="65"/>
      <c r="K68" s="4" t="s">
        <v>262</v>
      </c>
    </row>
    <row r="69" spans="1:11" x14ac:dyDescent="0.25">
      <c r="A69" s="48"/>
      <c r="B69" s="48"/>
      <c r="C69" s="48"/>
      <c r="D69" s="75"/>
      <c r="E69" s="48"/>
      <c r="F69" s="48"/>
      <c r="G69" s="19"/>
      <c r="H69" s="65"/>
      <c r="I69" s="65"/>
      <c r="J69" s="65"/>
      <c r="K69" s="18"/>
    </row>
    <row r="70" spans="1:11" ht="51.75" thickBot="1" x14ac:dyDescent="0.3">
      <c r="A70" s="49"/>
      <c r="B70" s="49"/>
      <c r="C70" s="49"/>
      <c r="D70" s="76"/>
      <c r="E70" s="49"/>
      <c r="F70" s="49"/>
      <c r="G70" s="20"/>
      <c r="H70" s="71"/>
      <c r="I70" s="71"/>
      <c r="J70" s="71"/>
      <c r="K70" s="2" t="s">
        <v>163</v>
      </c>
    </row>
    <row r="71" spans="1:11" ht="63.75" x14ac:dyDescent="0.25">
      <c r="A71" s="47" t="s">
        <v>156</v>
      </c>
      <c r="B71" s="47" t="s">
        <v>263</v>
      </c>
      <c r="C71" s="74" t="s">
        <v>264</v>
      </c>
      <c r="D71" s="74" t="s">
        <v>265</v>
      </c>
      <c r="E71" s="47" t="s">
        <v>259</v>
      </c>
      <c r="F71" s="47" t="s">
        <v>158</v>
      </c>
      <c r="G71" s="4" t="s">
        <v>266</v>
      </c>
      <c r="H71" s="67" t="s">
        <v>16</v>
      </c>
      <c r="I71" s="67" t="s">
        <v>16</v>
      </c>
      <c r="J71" s="67" t="s">
        <v>16</v>
      </c>
      <c r="K71" s="4" t="s">
        <v>274</v>
      </c>
    </row>
    <row r="72" spans="1:11" ht="89.25" x14ac:dyDescent="0.25">
      <c r="A72" s="48"/>
      <c r="B72" s="48"/>
      <c r="C72" s="75"/>
      <c r="D72" s="75"/>
      <c r="E72" s="48"/>
      <c r="F72" s="48"/>
      <c r="G72" s="4" t="s">
        <v>267</v>
      </c>
      <c r="H72" s="65"/>
      <c r="I72" s="65"/>
      <c r="J72" s="65"/>
      <c r="K72" s="18"/>
    </row>
    <row r="73" spans="1:11" ht="25.5" x14ac:dyDescent="0.25">
      <c r="A73" s="48"/>
      <c r="B73" s="48"/>
      <c r="C73" s="75"/>
      <c r="D73" s="75"/>
      <c r="E73" s="48"/>
      <c r="F73" s="48"/>
      <c r="G73" s="18"/>
      <c r="H73" s="65"/>
      <c r="I73" s="65"/>
      <c r="J73" s="65"/>
      <c r="K73" s="4" t="s">
        <v>275</v>
      </c>
    </row>
    <row r="74" spans="1:11" ht="51" x14ac:dyDescent="0.25">
      <c r="A74" s="48"/>
      <c r="B74" s="48"/>
      <c r="C74" s="75"/>
      <c r="D74" s="75"/>
      <c r="E74" s="48"/>
      <c r="F74" s="48"/>
      <c r="G74" s="4" t="s">
        <v>268</v>
      </c>
      <c r="H74" s="65"/>
      <c r="I74" s="65"/>
      <c r="J74" s="65"/>
      <c r="K74" s="18"/>
    </row>
    <row r="75" spans="1:11" ht="51" x14ac:dyDescent="0.25">
      <c r="A75" s="48"/>
      <c r="B75" s="48"/>
      <c r="C75" s="75"/>
      <c r="D75" s="75"/>
      <c r="E75" s="48"/>
      <c r="F75" s="48"/>
      <c r="G75" s="18"/>
      <c r="H75" s="65"/>
      <c r="I75" s="65"/>
      <c r="J75" s="65"/>
      <c r="K75" s="4" t="s">
        <v>163</v>
      </c>
    </row>
    <row r="76" spans="1:11" ht="76.5" x14ac:dyDescent="0.25">
      <c r="A76" s="48"/>
      <c r="B76" s="48"/>
      <c r="C76" s="75"/>
      <c r="D76" s="75"/>
      <c r="E76" s="48"/>
      <c r="F76" s="48"/>
      <c r="G76" s="4" t="s">
        <v>269</v>
      </c>
      <c r="H76" s="65"/>
      <c r="I76" s="65"/>
      <c r="J76" s="65"/>
      <c r="K76" s="19"/>
    </row>
    <row r="77" spans="1:11" x14ac:dyDescent="0.25">
      <c r="A77" s="48"/>
      <c r="B77" s="48"/>
      <c r="C77" s="75"/>
      <c r="D77" s="75"/>
      <c r="E77" s="48"/>
      <c r="F77" s="48"/>
      <c r="G77" s="18"/>
      <c r="H77" s="65"/>
      <c r="I77" s="65"/>
      <c r="J77" s="65"/>
      <c r="K77" s="19"/>
    </row>
    <row r="78" spans="1:11" ht="38.25" x14ac:dyDescent="0.25">
      <c r="A78" s="48"/>
      <c r="B78" s="48"/>
      <c r="C78" s="75"/>
      <c r="D78" s="75"/>
      <c r="E78" s="48"/>
      <c r="F78" s="48"/>
      <c r="G78" s="4" t="s">
        <v>270</v>
      </c>
      <c r="H78" s="65"/>
      <c r="I78" s="65"/>
      <c r="J78" s="65"/>
      <c r="K78" s="19"/>
    </row>
    <row r="79" spans="1:11" ht="15.75" thickBot="1" x14ac:dyDescent="0.3">
      <c r="A79" s="48"/>
      <c r="B79" s="48"/>
      <c r="C79" s="76"/>
      <c r="D79" s="76"/>
      <c r="E79" s="48"/>
      <c r="F79" s="48"/>
      <c r="G79" s="18"/>
      <c r="H79" s="65"/>
      <c r="I79" s="65"/>
      <c r="J79" s="65"/>
      <c r="K79" s="19"/>
    </row>
    <row r="80" spans="1:11" ht="39" thickBot="1" x14ac:dyDescent="0.3">
      <c r="A80" s="48"/>
      <c r="B80" s="48"/>
      <c r="C80" s="14" t="s">
        <v>276</v>
      </c>
      <c r="D80" s="14" t="s">
        <v>277</v>
      </c>
      <c r="E80" s="48"/>
      <c r="F80" s="48"/>
      <c r="G80" s="4" t="s">
        <v>271</v>
      </c>
      <c r="H80" s="65"/>
      <c r="I80" s="65"/>
      <c r="J80" s="65"/>
      <c r="K80" s="19"/>
    </row>
    <row r="81" spans="1:11" ht="39" thickBot="1" x14ac:dyDescent="0.3">
      <c r="A81" s="48"/>
      <c r="B81" s="48"/>
      <c r="C81" s="14" t="s">
        <v>278</v>
      </c>
      <c r="D81" s="14" t="s">
        <v>279</v>
      </c>
      <c r="E81" s="48"/>
      <c r="F81" s="48"/>
      <c r="G81" s="18"/>
      <c r="H81" s="65"/>
      <c r="I81" s="65"/>
      <c r="J81" s="65"/>
      <c r="K81" s="19"/>
    </row>
    <row r="82" spans="1:11" ht="51.75" thickBot="1" x14ac:dyDescent="0.3">
      <c r="A82" s="48"/>
      <c r="B82" s="48"/>
      <c r="C82" s="14" t="s">
        <v>280</v>
      </c>
      <c r="D82" s="14" t="s">
        <v>281</v>
      </c>
      <c r="E82" s="48"/>
      <c r="F82" s="48"/>
      <c r="G82" s="4" t="s">
        <v>272</v>
      </c>
      <c r="H82" s="65"/>
      <c r="I82" s="65"/>
      <c r="J82" s="65"/>
      <c r="K82" s="19"/>
    </row>
    <row r="83" spans="1:11" ht="39" thickBot="1" x14ac:dyDescent="0.3">
      <c r="A83" s="48"/>
      <c r="B83" s="48"/>
      <c r="C83" s="14" t="s">
        <v>282</v>
      </c>
      <c r="D83" s="14" t="s">
        <v>283</v>
      </c>
      <c r="E83" s="48"/>
      <c r="F83" s="48"/>
      <c r="G83" s="18"/>
      <c r="H83" s="65"/>
      <c r="I83" s="65"/>
      <c r="J83" s="65"/>
      <c r="K83" s="19"/>
    </row>
    <row r="84" spans="1:11" ht="64.5" thickBot="1" x14ac:dyDescent="0.3">
      <c r="A84" s="49"/>
      <c r="B84" s="49"/>
      <c r="C84" s="14" t="s">
        <v>284</v>
      </c>
      <c r="D84" s="14" t="s">
        <v>285</v>
      </c>
      <c r="E84" s="49"/>
      <c r="F84" s="49"/>
      <c r="G84" s="2" t="s">
        <v>273</v>
      </c>
      <c r="H84" s="71"/>
      <c r="I84" s="71"/>
      <c r="J84" s="71"/>
      <c r="K84" s="20"/>
    </row>
    <row r="85" spans="1:11" ht="38.25" x14ac:dyDescent="0.25">
      <c r="A85" s="47" t="s">
        <v>156</v>
      </c>
      <c r="B85" s="74" t="s">
        <v>286</v>
      </c>
      <c r="C85" s="74" t="s">
        <v>287</v>
      </c>
      <c r="D85" s="74" t="s">
        <v>288</v>
      </c>
      <c r="E85" s="47" t="s">
        <v>289</v>
      </c>
      <c r="F85" s="47" t="s">
        <v>158</v>
      </c>
      <c r="G85" s="47" t="s">
        <v>290</v>
      </c>
      <c r="H85" s="67" t="s">
        <v>16</v>
      </c>
      <c r="I85" s="67" t="s">
        <v>16</v>
      </c>
      <c r="J85" s="68"/>
      <c r="K85" s="4" t="s">
        <v>291</v>
      </c>
    </row>
    <row r="86" spans="1:11" ht="15.75" thickBot="1" x14ac:dyDescent="0.3">
      <c r="A86" s="48"/>
      <c r="B86" s="75"/>
      <c r="C86" s="76"/>
      <c r="D86" s="76"/>
      <c r="E86" s="48"/>
      <c r="F86" s="48"/>
      <c r="G86" s="48"/>
      <c r="H86" s="65"/>
      <c r="I86" s="65"/>
      <c r="J86" s="69"/>
      <c r="K86" s="18"/>
    </row>
    <row r="87" spans="1:11" ht="51.75" thickBot="1" x14ac:dyDescent="0.3">
      <c r="A87" s="48"/>
      <c r="B87" s="75"/>
      <c r="C87" s="14" t="s">
        <v>294</v>
      </c>
      <c r="D87" s="14" t="s">
        <v>295</v>
      </c>
      <c r="E87" s="48"/>
      <c r="F87" s="48"/>
      <c r="G87" s="48"/>
      <c r="H87" s="65"/>
      <c r="I87" s="65"/>
      <c r="J87" s="69"/>
      <c r="K87" s="4" t="s">
        <v>292</v>
      </c>
    </row>
    <row r="88" spans="1:11" x14ac:dyDescent="0.25">
      <c r="A88" s="48"/>
      <c r="B88" s="75"/>
      <c r="C88" s="74" t="s">
        <v>296</v>
      </c>
      <c r="D88" s="17" t="s">
        <v>297</v>
      </c>
      <c r="E88" s="48"/>
      <c r="F88" s="48"/>
      <c r="G88" s="48"/>
      <c r="H88" s="65"/>
      <c r="I88" s="65"/>
      <c r="J88" s="69"/>
      <c r="K88" s="18"/>
    </row>
    <row r="89" spans="1:11" ht="63.75" x14ac:dyDescent="0.25">
      <c r="A89" s="48"/>
      <c r="B89" s="75"/>
      <c r="C89" s="75"/>
      <c r="D89" s="17" t="s">
        <v>298</v>
      </c>
      <c r="E89" s="48"/>
      <c r="F89" s="48"/>
      <c r="G89" s="48"/>
      <c r="H89" s="65"/>
      <c r="I89" s="65"/>
      <c r="J89" s="69"/>
      <c r="K89" s="4" t="s">
        <v>293</v>
      </c>
    </row>
    <row r="90" spans="1:11" x14ac:dyDescent="0.25">
      <c r="A90" s="48"/>
      <c r="B90" s="75"/>
      <c r="C90" s="75"/>
      <c r="D90" s="17" t="s">
        <v>299</v>
      </c>
      <c r="E90" s="48"/>
      <c r="F90" s="48"/>
      <c r="G90" s="48"/>
      <c r="H90" s="65"/>
      <c r="I90" s="65"/>
      <c r="J90" s="69"/>
      <c r="K90" s="19"/>
    </row>
    <row r="91" spans="1:11" x14ac:dyDescent="0.25">
      <c r="A91" s="48"/>
      <c r="B91" s="75"/>
      <c r="C91" s="75"/>
      <c r="D91" s="17" t="s">
        <v>300</v>
      </c>
      <c r="E91" s="48"/>
      <c r="F91" s="48"/>
      <c r="G91" s="48"/>
      <c r="H91" s="65"/>
      <c r="I91" s="65"/>
      <c r="J91" s="69"/>
      <c r="K91" s="19"/>
    </row>
    <row r="92" spans="1:11" ht="25.5" x14ac:dyDescent="0.25">
      <c r="A92" s="48"/>
      <c r="B92" s="75"/>
      <c r="C92" s="75"/>
      <c r="D92" s="17" t="s">
        <v>301</v>
      </c>
      <c r="E92" s="48"/>
      <c r="F92" s="48"/>
      <c r="G92" s="48"/>
      <c r="H92" s="65"/>
      <c r="I92" s="65"/>
      <c r="J92" s="69"/>
      <c r="K92" s="19"/>
    </row>
    <row r="93" spans="1:11" ht="15.75" thickBot="1" x14ac:dyDescent="0.3">
      <c r="A93" s="48"/>
      <c r="B93" s="75"/>
      <c r="C93" s="76"/>
      <c r="D93" s="14" t="s">
        <v>302</v>
      </c>
      <c r="E93" s="48"/>
      <c r="F93" s="48"/>
      <c r="G93" s="48"/>
      <c r="H93" s="65"/>
      <c r="I93" s="65"/>
      <c r="J93" s="69"/>
      <c r="K93" s="19"/>
    </row>
    <row r="94" spans="1:11" ht="64.5" thickBot="1" x14ac:dyDescent="0.3">
      <c r="A94" s="49"/>
      <c r="B94" s="76"/>
      <c r="C94" s="14" t="s">
        <v>303</v>
      </c>
      <c r="D94" s="14" t="s">
        <v>304</v>
      </c>
      <c r="E94" s="49"/>
      <c r="F94" s="49"/>
      <c r="G94" s="49"/>
      <c r="H94" s="71"/>
      <c r="I94" s="71"/>
      <c r="J94" s="70"/>
      <c r="K94" s="20"/>
    </row>
    <row r="95" spans="1:11" ht="38.25" x14ac:dyDescent="0.25">
      <c r="A95" s="47" t="s">
        <v>156</v>
      </c>
      <c r="B95" s="47" t="s">
        <v>305</v>
      </c>
      <c r="C95" s="47" t="s">
        <v>306</v>
      </c>
      <c r="D95" s="47" t="s">
        <v>307</v>
      </c>
      <c r="E95" s="47" t="s">
        <v>308</v>
      </c>
      <c r="F95" s="47" t="s">
        <v>158</v>
      </c>
      <c r="G95" s="47" t="s">
        <v>309</v>
      </c>
      <c r="H95" s="67" t="s">
        <v>16</v>
      </c>
      <c r="I95" s="67" t="s">
        <v>16</v>
      </c>
      <c r="J95" s="68"/>
      <c r="K95" s="4" t="s">
        <v>291</v>
      </c>
    </row>
    <row r="96" spans="1:11" x14ac:dyDescent="0.25">
      <c r="A96" s="48"/>
      <c r="B96" s="48"/>
      <c r="C96" s="48"/>
      <c r="D96" s="48"/>
      <c r="E96" s="48"/>
      <c r="F96" s="48"/>
      <c r="G96" s="48"/>
      <c r="H96" s="65"/>
      <c r="I96" s="65"/>
      <c r="J96" s="69"/>
      <c r="K96" s="18"/>
    </row>
    <row r="97" spans="1:11" ht="25.5" x14ac:dyDescent="0.25">
      <c r="A97" s="48"/>
      <c r="B97" s="48"/>
      <c r="C97" s="48"/>
      <c r="D97" s="48"/>
      <c r="E97" s="48"/>
      <c r="F97" s="48"/>
      <c r="G97" s="48"/>
      <c r="H97" s="65"/>
      <c r="I97" s="65"/>
      <c r="J97" s="69"/>
      <c r="K97" s="4" t="s">
        <v>292</v>
      </c>
    </row>
    <row r="98" spans="1:11" x14ac:dyDescent="0.25">
      <c r="A98" s="48"/>
      <c r="B98" s="48"/>
      <c r="C98" s="48"/>
      <c r="D98" s="48"/>
      <c r="E98" s="48"/>
      <c r="F98" s="48"/>
      <c r="G98" s="48"/>
      <c r="H98" s="65"/>
      <c r="I98" s="65"/>
      <c r="J98" s="69"/>
      <c r="K98" s="18"/>
    </row>
    <row r="99" spans="1:11" ht="51.75" thickBot="1" x14ac:dyDescent="0.3">
      <c r="A99" s="49"/>
      <c r="B99" s="49"/>
      <c r="C99" s="49"/>
      <c r="D99" s="49"/>
      <c r="E99" s="49"/>
      <c r="F99" s="49"/>
      <c r="G99" s="49"/>
      <c r="H99" s="71"/>
      <c r="I99" s="71"/>
      <c r="J99" s="70"/>
      <c r="K99" s="2" t="s">
        <v>310</v>
      </c>
    </row>
    <row r="100" spans="1:11" ht="89.25" x14ac:dyDescent="0.25">
      <c r="A100" s="44" t="s">
        <v>311</v>
      </c>
      <c r="B100" s="47" t="s">
        <v>312</v>
      </c>
      <c r="C100" s="47" t="s">
        <v>313</v>
      </c>
      <c r="D100" s="47" t="s">
        <v>314</v>
      </c>
      <c r="E100" s="47" t="s">
        <v>315</v>
      </c>
      <c r="F100" s="47" t="s">
        <v>158</v>
      </c>
      <c r="G100" s="21" t="s">
        <v>316</v>
      </c>
      <c r="H100" s="67" t="s">
        <v>16</v>
      </c>
      <c r="I100" s="67" t="s">
        <v>16</v>
      </c>
      <c r="J100" s="72"/>
      <c r="K100" s="21" t="s">
        <v>318</v>
      </c>
    </row>
    <row r="101" spans="1:11" x14ac:dyDescent="0.25">
      <c r="A101" s="45"/>
      <c r="B101" s="48"/>
      <c r="C101" s="48"/>
      <c r="D101" s="48"/>
      <c r="E101" s="48"/>
      <c r="F101" s="48"/>
      <c r="G101" s="18"/>
      <c r="H101" s="65"/>
      <c r="I101" s="65"/>
      <c r="J101" s="62"/>
      <c r="K101" s="18"/>
    </row>
    <row r="102" spans="1:11" ht="51" x14ac:dyDescent="0.25">
      <c r="A102" s="45"/>
      <c r="B102" s="48"/>
      <c r="C102" s="48"/>
      <c r="D102" s="48"/>
      <c r="E102" s="48"/>
      <c r="F102" s="48"/>
      <c r="G102" s="4" t="s">
        <v>317</v>
      </c>
      <c r="H102" s="65"/>
      <c r="I102" s="65"/>
      <c r="J102" s="62"/>
      <c r="K102" s="4" t="s">
        <v>319</v>
      </c>
    </row>
    <row r="103" spans="1:11" x14ac:dyDescent="0.25">
      <c r="A103" s="45"/>
      <c r="B103" s="48"/>
      <c r="C103" s="48"/>
      <c r="D103" s="48"/>
      <c r="E103" s="48"/>
      <c r="F103" s="48"/>
      <c r="G103" s="19"/>
      <c r="H103" s="65"/>
      <c r="I103" s="65"/>
      <c r="J103" s="62"/>
      <c r="K103" s="18"/>
    </row>
    <row r="104" spans="1:11" ht="15.75" thickBot="1" x14ac:dyDescent="0.3">
      <c r="A104" s="46"/>
      <c r="B104" s="49"/>
      <c r="C104" s="49"/>
      <c r="D104" s="49"/>
      <c r="E104" s="49"/>
      <c r="F104" s="49"/>
      <c r="G104" s="20"/>
      <c r="H104" s="71"/>
      <c r="I104" s="71"/>
      <c r="J104" s="73"/>
      <c r="K104" s="2" t="s">
        <v>320</v>
      </c>
    </row>
    <row r="105" spans="1:11" ht="96.75" customHeight="1" x14ac:dyDescent="0.25">
      <c r="A105" s="47" t="s">
        <v>311</v>
      </c>
      <c r="B105" s="47" t="s">
        <v>321</v>
      </c>
      <c r="C105" s="47" t="s">
        <v>322</v>
      </c>
      <c r="D105" s="47" t="s">
        <v>323</v>
      </c>
      <c r="E105" s="47" t="s">
        <v>324</v>
      </c>
      <c r="F105" s="47" t="s">
        <v>325</v>
      </c>
      <c r="G105" s="47" t="s">
        <v>326</v>
      </c>
      <c r="H105" s="67" t="s">
        <v>16</v>
      </c>
      <c r="I105" s="67" t="s">
        <v>16</v>
      </c>
      <c r="J105" s="67" t="s">
        <v>16</v>
      </c>
      <c r="K105" s="4" t="s">
        <v>327</v>
      </c>
    </row>
    <row r="106" spans="1:11" ht="15.75" thickBot="1" x14ac:dyDescent="0.3">
      <c r="A106" s="48"/>
      <c r="B106" s="48"/>
      <c r="C106" s="49"/>
      <c r="D106" s="49"/>
      <c r="E106" s="48"/>
      <c r="F106" s="48"/>
      <c r="G106" s="48"/>
      <c r="H106" s="65"/>
      <c r="I106" s="65"/>
      <c r="J106" s="65"/>
      <c r="K106" s="18"/>
    </row>
    <row r="107" spans="1:11" ht="51.75" thickBot="1" x14ac:dyDescent="0.3">
      <c r="A107" s="48"/>
      <c r="B107" s="48"/>
      <c r="C107" s="2" t="s">
        <v>330</v>
      </c>
      <c r="D107" s="2" t="s">
        <v>323</v>
      </c>
      <c r="E107" s="48"/>
      <c r="F107" s="48"/>
      <c r="G107" s="48"/>
      <c r="H107" s="65"/>
      <c r="I107" s="65"/>
      <c r="J107" s="65"/>
      <c r="K107" s="4" t="s">
        <v>328</v>
      </c>
    </row>
    <row r="108" spans="1:11" ht="26.25" thickBot="1" x14ac:dyDescent="0.3">
      <c r="A108" s="48"/>
      <c r="B108" s="48"/>
      <c r="C108" s="2" t="s">
        <v>331</v>
      </c>
      <c r="D108" s="2" t="s">
        <v>332</v>
      </c>
      <c r="E108" s="48"/>
      <c r="F108" s="48"/>
      <c r="G108" s="48"/>
      <c r="H108" s="65"/>
      <c r="I108" s="65"/>
      <c r="J108" s="65"/>
      <c r="K108" s="18"/>
    </row>
    <row r="109" spans="1:11" ht="64.5" thickBot="1" x14ac:dyDescent="0.3">
      <c r="A109" s="49"/>
      <c r="B109" s="49"/>
      <c r="C109" s="2" t="s">
        <v>333</v>
      </c>
      <c r="D109" s="2" t="s">
        <v>334</v>
      </c>
      <c r="E109" s="49"/>
      <c r="F109" s="49"/>
      <c r="G109" s="49"/>
      <c r="H109" s="71"/>
      <c r="I109" s="71"/>
      <c r="J109" s="71"/>
      <c r="K109" s="2" t="s">
        <v>329</v>
      </c>
    </row>
    <row r="110" spans="1:11" ht="128.25" thickBot="1" x14ac:dyDescent="0.3">
      <c r="A110" s="44" t="s">
        <v>311</v>
      </c>
      <c r="B110" s="4" t="s">
        <v>335</v>
      </c>
      <c r="C110" s="2" t="s">
        <v>337</v>
      </c>
      <c r="D110" s="2" t="s">
        <v>338</v>
      </c>
      <c r="E110" s="4" t="s">
        <v>315</v>
      </c>
      <c r="F110" s="47" t="s">
        <v>339</v>
      </c>
      <c r="G110" s="4" t="s">
        <v>340</v>
      </c>
      <c r="H110" s="67" t="s">
        <v>16</v>
      </c>
      <c r="I110" s="67" t="s">
        <v>16</v>
      </c>
      <c r="J110" s="67" t="s">
        <v>16</v>
      </c>
      <c r="K110" s="4" t="s">
        <v>344</v>
      </c>
    </row>
    <row r="111" spans="1:11" ht="26.25" thickBot="1" x14ac:dyDescent="0.3">
      <c r="A111" s="45"/>
      <c r="B111" s="18"/>
      <c r="C111" s="2" t="s">
        <v>350</v>
      </c>
      <c r="D111" s="2" t="s">
        <v>351</v>
      </c>
      <c r="E111" s="18"/>
      <c r="F111" s="48"/>
      <c r="G111" s="18"/>
      <c r="H111" s="65"/>
      <c r="I111" s="65"/>
      <c r="J111" s="65"/>
      <c r="K111" s="18"/>
    </row>
    <row r="112" spans="1:11" ht="90" thickBot="1" x14ac:dyDescent="0.3">
      <c r="A112" s="45"/>
      <c r="B112" s="4" t="s">
        <v>336</v>
      </c>
      <c r="C112" s="2" t="s">
        <v>352</v>
      </c>
      <c r="D112" s="2" t="s">
        <v>353</v>
      </c>
      <c r="E112" s="4" t="s">
        <v>324</v>
      </c>
      <c r="F112" s="48"/>
      <c r="G112" s="4" t="s">
        <v>341</v>
      </c>
      <c r="H112" s="65"/>
      <c r="I112" s="65"/>
      <c r="J112" s="65"/>
      <c r="K112" s="4" t="s">
        <v>345</v>
      </c>
    </row>
    <row r="113" spans="1:11" ht="51.75" thickBot="1" x14ac:dyDescent="0.3">
      <c r="A113" s="45"/>
      <c r="B113" s="19"/>
      <c r="C113" s="2" t="s">
        <v>354</v>
      </c>
      <c r="D113" s="2" t="s">
        <v>355</v>
      </c>
      <c r="E113" s="19"/>
      <c r="F113" s="48"/>
      <c r="G113" s="18"/>
      <c r="H113" s="65"/>
      <c r="I113" s="65"/>
      <c r="J113" s="65"/>
      <c r="K113" s="18"/>
    </row>
    <row r="114" spans="1:11" ht="64.5" thickBot="1" x14ac:dyDescent="0.3">
      <c r="A114" s="45"/>
      <c r="B114" s="19"/>
      <c r="C114" s="2" t="s">
        <v>356</v>
      </c>
      <c r="D114" s="2" t="s">
        <v>357</v>
      </c>
      <c r="E114" s="19"/>
      <c r="F114" s="48"/>
      <c r="G114" s="4" t="s">
        <v>342</v>
      </c>
      <c r="H114" s="65"/>
      <c r="I114" s="65"/>
      <c r="J114" s="65"/>
      <c r="K114" s="4" t="s">
        <v>346</v>
      </c>
    </row>
    <row r="115" spans="1:11" ht="51.75" thickBot="1" x14ac:dyDescent="0.3">
      <c r="A115" s="45"/>
      <c r="B115" s="19"/>
      <c r="C115" s="2" t="s">
        <v>358</v>
      </c>
      <c r="D115" s="2" t="s">
        <v>359</v>
      </c>
      <c r="E115" s="19"/>
      <c r="F115" s="48"/>
      <c r="G115" s="18"/>
      <c r="H115" s="65"/>
      <c r="I115" s="65"/>
      <c r="J115" s="65"/>
      <c r="K115" s="18"/>
    </row>
    <row r="116" spans="1:11" ht="102.75" thickBot="1" x14ac:dyDescent="0.3">
      <c r="A116" s="45"/>
      <c r="B116" s="19"/>
      <c r="C116" s="2" t="s">
        <v>360</v>
      </c>
      <c r="D116" s="2" t="s">
        <v>361</v>
      </c>
      <c r="E116" s="19"/>
      <c r="F116" s="48"/>
      <c r="G116" s="4" t="s">
        <v>343</v>
      </c>
      <c r="H116" s="65"/>
      <c r="I116" s="65"/>
      <c r="J116" s="65"/>
      <c r="K116" s="4" t="s">
        <v>347</v>
      </c>
    </row>
    <row r="117" spans="1:11" ht="39" thickBot="1" x14ac:dyDescent="0.3">
      <c r="A117" s="45"/>
      <c r="B117" s="19"/>
      <c r="C117" s="2" t="s">
        <v>362</v>
      </c>
      <c r="D117" s="2" t="s">
        <v>363</v>
      </c>
      <c r="E117" s="19"/>
      <c r="F117" s="48"/>
      <c r="G117" s="19"/>
      <c r="H117" s="65"/>
      <c r="I117" s="65"/>
      <c r="J117" s="65"/>
      <c r="K117" s="18"/>
    </row>
    <row r="118" spans="1:11" ht="64.5" thickBot="1" x14ac:dyDescent="0.3">
      <c r="A118" s="45"/>
      <c r="B118" s="19"/>
      <c r="C118" s="2" t="s">
        <v>364</v>
      </c>
      <c r="D118" s="2" t="s">
        <v>365</v>
      </c>
      <c r="E118" s="19"/>
      <c r="F118" s="48"/>
      <c r="G118" s="19"/>
      <c r="H118" s="65"/>
      <c r="I118" s="65"/>
      <c r="J118" s="65"/>
      <c r="K118" s="4" t="s">
        <v>348</v>
      </c>
    </row>
    <row r="119" spans="1:11" ht="77.25" thickBot="1" x14ac:dyDescent="0.3">
      <c r="A119" s="45"/>
      <c r="B119" s="19"/>
      <c r="C119" s="2" t="s">
        <v>366</v>
      </c>
      <c r="D119" s="2" t="s">
        <v>367</v>
      </c>
      <c r="E119" s="19"/>
      <c r="F119" s="48"/>
      <c r="G119" s="19"/>
      <c r="H119" s="65"/>
      <c r="I119" s="65"/>
      <c r="J119" s="65"/>
      <c r="K119" s="18"/>
    </row>
    <row r="120" spans="1:11" ht="153.75" thickBot="1" x14ac:dyDescent="0.3">
      <c r="A120" s="45"/>
      <c r="B120" s="19"/>
      <c r="C120" s="2" t="s">
        <v>368</v>
      </c>
      <c r="D120" s="2" t="s">
        <v>369</v>
      </c>
      <c r="E120" s="19"/>
      <c r="F120" s="48"/>
      <c r="G120" s="19"/>
      <c r="H120" s="65"/>
      <c r="I120" s="65"/>
      <c r="J120" s="65"/>
      <c r="K120" s="4" t="s">
        <v>349</v>
      </c>
    </row>
    <row r="121" spans="1:11" ht="51.75" thickBot="1" x14ac:dyDescent="0.3">
      <c r="A121" s="45"/>
      <c r="B121" s="19"/>
      <c r="C121" s="2" t="s">
        <v>370</v>
      </c>
      <c r="D121" s="2" t="s">
        <v>371</v>
      </c>
      <c r="E121" s="19"/>
      <c r="F121" s="48"/>
      <c r="G121" s="19"/>
      <c r="H121" s="65"/>
      <c r="I121" s="65"/>
      <c r="J121" s="65"/>
      <c r="K121" s="19"/>
    </row>
    <row r="122" spans="1:11" ht="51.75" thickBot="1" x14ac:dyDescent="0.3">
      <c r="A122" s="45"/>
      <c r="B122" s="19"/>
      <c r="C122" s="2" t="s">
        <v>372</v>
      </c>
      <c r="D122" s="2" t="s">
        <v>373</v>
      </c>
      <c r="E122" s="19"/>
      <c r="F122" s="48"/>
      <c r="G122" s="19"/>
      <c r="H122" s="65"/>
      <c r="I122" s="65"/>
      <c r="J122" s="65"/>
      <c r="K122" s="19"/>
    </row>
    <row r="123" spans="1:11" ht="39" thickBot="1" x14ac:dyDescent="0.3">
      <c r="A123" s="45"/>
      <c r="B123" s="19"/>
      <c r="C123" s="2" t="s">
        <v>374</v>
      </c>
      <c r="D123" s="2" t="s">
        <v>375</v>
      </c>
      <c r="E123" s="19"/>
      <c r="F123" s="48"/>
      <c r="G123" s="19"/>
      <c r="H123" s="65"/>
      <c r="I123" s="65"/>
      <c r="J123" s="65"/>
      <c r="K123" s="19"/>
    </row>
    <row r="124" spans="1:11" ht="77.25" thickBot="1" x14ac:dyDescent="0.3">
      <c r="A124" s="45"/>
      <c r="B124" s="19"/>
      <c r="C124" s="2" t="s">
        <v>376</v>
      </c>
      <c r="D124" s="2" t="s">
        <v>377</v>
      </c>
      <c r="E124" s="19"/>
      <c r="F124" s="48"/>
      <c r="G124" s="19"/>
      <c r="H124" s="65"/>
      <c r="I124" s="65"/>
      <c r="J124" s="65"/>
      <c r="K124" s="19"/>
    </row>
    <row r="125" spans="1:11" ht="64.5" thickBot="1" x14ac:dyDescent="0.3">
      <c r="A125" s="45"/>
      <c r="B125" s="19"/>
      <c r="C125" s="2" t="s">
        <v>378</v>
      </c>
      <c r="D125" s="2" t="s">
        <v>379</v>
      </c>
      <c r="E125" s="19"/>
      <c r="F125" s="48"/>
      <c r="G125" s="19"/>
      <c r="H125" s="65"/>
      <c r="I125" s="65"/>
      <c r="J125" s="65"/>
      <c r="K125" s="19"/>
    </row>
    <row r="126" spans="1:11" ht="26.25" thickBot="1" x14ac:dyDescent="0.3">
      <c r="A126" s="45"/>
      <c r="B126" s="19"/>
      <c r="C126" s="2" t="s">
        <v>380</v>
      </c>
      <c r="D126" s="2" t="s">
        <v>381</v>
      </c>
      <c r="E126" s="19"/>
      <c r="F126" s="48"/>
      <c r="G126" s="19"/>
      <c r="H126" s="65"/>
      <c r="I126" s="65"/>
      <c r="J126" s="65"/>
      <c r="K126" s="19"/>
    </row>
    <row r="127" spans="1:11" ht="26.25" thickBot="1" x14ac:dyDescent="0.3">
      <c r="A127" s="46"/>
      <c r="B127" s="20"/>
      <c r="C127" s="2" t="s">
        <v>382</v>
      </c>
      <c r="D127" s="2" t="s">
        <v>383</v>
      </c>
      <c r="E127" s="20"/>
      <c r="F127" s="49"/>
      <c r="G127" s="20"/>
      <c r="H127" s="71"/>
      <c r="I127" s="71"/>
      <c r="J127" s="71"/>
      <c r="K127" s="20"/>
    </row>
    <row r="128" spans="1:11" ht="64.5" thickBot="1" x14ac:dyDescent="0.3">
      <c r="A128" s="44" t="s">
        <v>311</v>
      </c>
      <c r="B128" s="47" t="s">
        <v>384</v>
      </c>
      <c r="C128" s="2" t="s">
        <v>385</v>
      </c>
      <c r="D128" s="2" t="s">
        <v>386</v>
      </c>
      <c r="E128" s="47" t="s">
        <v>157</v>
      </c>
      <c r="F128" s="47" t="s">
        <v>158</v>
      </c>
      <c r="G128" s="47" t="s">
        <v>387</v>
      </c>
      <c r="H128" s="67" t="s">
        <v>16</v>
      </c>
      <c r="I128" s="67" t="s">
        <v>16</v>
      </c>
      <c r="J128" s="72"/>
      <c r="K128" s="4" t="s">
        <v>388</v>
      </c>
    </row>
    <row r="129" spans="1:11" ht="39" thickBot="1" x14ac:dyDescent="0.3">
      <c r="A129" s="45"/>
      <c r="B129" s="48"/>
      <c r="C129" s="2" t="s">
        <v>390</v>
      </c>
      <c r="D129" s="2" t="s">
        <v>391</v>
      </c>
      <c r="E129" s="48"/>
      <c r="F129" s="48"/>
      <c r="G129" s="48"/>
      <c r="H129" s="65"/>
      <c r="I129" s="65"/>
      <c r="J129" s="62"/>
      <c r="K129" s="18"/>
    </row>
    <row r="130" spans="1:11" ht="64.5" thickBot="1" x14ac:dyDescent="0.3">
      <c r="A130" s="45"/>
      <c r="B130" s="48"/>
      <c r="C130" s="2" t="s">
        <v>392</v>
      </c>
      <c r="D130" s="2" t="s">
        <v>393</v>
      </c>
      <c r="E130" s="48"/>
      <c r="F130" s="48"/>
      <c r="G130" s="48"/>
      <c r="H130" s="65"/>
      <c r="I130" s="65"/>
      <c r="J130" s="62"/>
      <c r="K130" s="4" t="s">
        <v>389</v>
      </c>
    </row>
    <row r="131" spans="1:11" ht="51.75" thickBot="1" x14ac:dyDescent="0.3">
      <c r="A131" s="45"/>
      <c r="B131" s="48"/>
      <c r="C131" s="2" t="s">
        <v>394</v>
      </c>
      <c r="D131" s="2" t="s">
        <v>395</v>
      </c>
      <c r="E131" s="48"/>
      <c r="F131" s="48"/>
      <c r="G131" s="48"/>
      <c r="H131" s="65"/>
      <c r="I131" s="65"/>
      <c r="J131" s="62"/>
      <c r="K131" s="19"/>
    </row>
    <row r="132" spans="1:11" ht="64.5" thickBot="1" x14ac:dyDescent="0.3">
      <c r="A132" s="45"/>
      <c r="B132" s="48"/>
      <c r="C132" s="2" t="s">
        <v>396</v>
      </c>
      <c r="D132" s="2" t="s">
        <v>397</v>
      </c>
      <c r="E132" s="48"/>
      <c r="F132" s="48"/>
      <c r="G132" s="48"/>
      <c r="H132" s="65"/>
      <c r="I132" s="65"/>
      <c r="J132" s="62"/>
      <c r="K132" s="19"/>
    </row>
    <row r="133" spans="1:11" ht="64.5" thickBot="1" x14ac:dyDescent="0.3">
      <c r="A133" s="46"/>
      <c r="B133" s="49"/>
      <c r="C133" s="2" t="s">
        <v>398</v>
      </c>
      <c r="D133" s="2" t="s">
        <v>399</v>
      </c>
      <c r="E133" s="49"/>
      <c r="F133" s="49"/>
      <c r="G133" s="49"/>
      <c r="H133" s="71"/>
      <c r="I133" s="71"/>
      <c r="J133" s="73"/>
      <c r="K133" s="20"/>
    </row>
    <row r="134" spans="1:11" ht="127.5" x14ac:dyDescent="0.25">
      <c r="A134" s="44" t="s">
        <v>311</v>
      </c>
      <c r="B134" s="47" t="s">
        <v>400</v>
      </c>
      <c r="C134" s="47" t="s">
        <v>401</v>
      </c>
      <c r="D134" s="47" t="s">
        <v>402</v>
      </c>
      <c r="E134" s="47" t="s">
        <v>403</v>
      </c>
      <c r="F134" s="47" t="s">
        <v>158</v>
      </c>
      <c r="G134" s="4" t="s">
        <v>404</v>
      </c>
      <c r="H134" s="67" t="s">
        <v>16</v>
      </c>
      <c r="I134" s="67" t="s">
        <v>16</v>
      </c>
      <c r="J134" s="68"/>
      <c r="K134" s="4" t="s">
        <v>406</v>
      </c>
    </row>
    <row r="135" spans="1:11" x14ac:dyDescent="0.25">
      <c r="A135" s="45"/>
      <c r="B135" s="48"/>
      <c r="C135" s="48"/>
      <c r="D135" s="48"/>
      <c r="E135" s="48"/>
      <c r="F135" s="48"/>
      <c r="G135" s="18"/>
      <c r="H135" s="65"/>
      <c r="I135" s="65"/>
      <c r="J135" s="69"/>
      <c r="K135" s="18"/>
    </row>
    <row r="136" spans="1:11" ht="77.25" thickBot="1" x14ac:dyDescent="0.3">
      <c r="A136" s="45"/>
      <c r="B136" s="48"/>
      <c r="C136" s="49"/>
      <c r="D136" s="49"/>
      <c r="E136" s="48"/>
      <c r="F136" s="48"/>
      <c r="G136" s="4" t="s">
        <v>405</v>
      </c>
      <c r="H136" s="65"/>
      <c r="I136" s="65"/>
      <c r="J136" s="69"/>
      <c r="K136" s="4" t="s">
        <v>407</v>
      </c>
    </row>
    <row r="137" spans="1:11" ht="26.25" thickBot="1" x14ac:dyDescent="0.3">
      <c r="A137" s="45"/>
      <c r="B137" s="48"/>
      <c r="C137" s="2" t="s">
        <v>408</v>
      </c>
      <c r="D137" s="2" t="s">
        <v>409</v>
      </c>
      <c r="E137" s="48"/>
      <c r="F137" s="48"/>
      <c r="G137" s="19"/>
      <c r="H137" s="65"/>
      <c r="I137" s="65"/>
      <c r="J137" s="69"/>
      <c r="K137" s="18"/>
    </row>
    <row r="138" spans="1:11" ht="26.25" thickBot="1" x14ac:dyDescent="0.3">
      <c r="A138" s="46"/>
      <c r="B138" s="49"/>
      <c r="C138" s="2" t="s">
        <v>410</v>
      </c>
      <c r="D138" s="2" t="s">
        <v>411</v>
      </c>
      <c r="E138" s="49"/>
      <c r="F138" s="49"/>
      <c r="G138" s="20"/>
      <c r="H138" s="71"/>
      <c r="I138" s="71"/>
      <c r="J138" s="70"/>
      <c r="K138" s="2" t="s">
        <v>180</v>
      </c>
    </row>
    <row r="139" spans="1:11" ht="102.75" thickBot="1" x14ac:dyDescent="0.3">
      <c r="A139" s="44" t="s">
        <v>311</v>
      </c>
      <c r="B139" s="47" t="s">
        <v>412</v>
      </c>
      <c r="C139" s="2" t="s">
        <v>413</v>
      </c>
      <c r="D139" s="2" t="s">
        <v>414</v>
      </c>
      <c r="E139" s="4" t="s">
        <v>315</v>
      </c>
      <c r="F139" s="47" t="s">
        <v>158</v>
      </c>
      <c r="G139" s="4" t="s">
        <v>416</v>
      </c>
      <c r="H139" s="67" t="s">
        <v>16</v>
      </c>
      <c r="I139" s="67" t="s">
        <v>16</v>
      </c>
      <c r="J139" s="67" t="s">
        <v>16</v>
      </c>
      <c r="K139" s="4" t="s">
        <v>419</v>
      </c>
    </row>
    <row r="140" spans="1:11" ht="26.25" thickBot="1" x14ac:dyDescent="0.3">
      <c r="A140" s="45"/>
      <c r="B140" s="48"/>
      <c r="C140" s="2" t="s">
        <v>421</v>
      </c>
      <c r="D140" s="2" t="s">
        <v>422</v>
      </c>
      <c r="E140" s="18"/>
      <c r="F140" s="48"/>
      <c r="G140" s="18"/>
      <c r="H140" s="65"/>
      <c r="I140" s="65"/>
      <c r="J140" s="65"/>
      <c r="K140" s="18"/>
    </row>
    <row r="141" spans="1:11" ht="51.75" thickBot="1" x14ac:dyDescent="0.3">
      <c r="A141" s="45"/>
      <c r="B141" s="48"/>
      <c r="C141" s="2" t="s">
        <v>423</v>
      </c>
      <c r="D141" s="2" t="s">
        <v>424</v>
      </c>
      <c r="E141" s="4" t="s">
        <v>415</v>
      </c>
      <c r="F141" s="48"/>
      <c r="G141" s="4" t="s">
        <v>417</v>
      </c>
      <c r="H141" s="65"/>
      <c r="I141" s="65"/>
      <c r="J141" s="65"/>
      <c r="K141" s="4" t="s">
        <v>178</v>
      </c>
    </row>
    <row r="142" spans="1:11" ht="26.25" thickBot="1" x14ac:dyDescent="0.3">
      <c r="A142" s="45"/>
      <c r="B142" s="48"/>
      <c r="C142" s="2" t="s">
        <v>425</v>
      </c>
      <c r="D142" s="2" t="s">
        <v>426</v>
      </c>
      <c r="E142" s="19"/>
      <c r="F142" s="48"/>
      <c r="G142" s="18"/>
      <c r="H142" s="65"/>
      <c r="I142" s="65"/>
      <c r="J142" s="65"/>
      <c r="K142" s="18"/>
    </row>
    <row r="143" spans="1:11" ht="51.75" thickBot="1" x14ac:dyDescent="0.3">
      <c r="A143" s="45"/>
      <c r="B143" s="48"/>
      <c r="C143" s="2" t="s">
        <v>427</v>
      </c>
      <c r="D143" s="2" t="s">
        <v>428</v>
      </c>
      <c r="E143" s="19"/>
      <c r="F143" s="48"/>
      <c r="G143" s="4" t="s">
        <v>418</v>
      </c>
      <c r="H143" s="65"/>
      <c r="I143" s="65"/>
      <c r="J143" s="65"/>
      <c r="K143" s="4" t="s">
        <v>420</v>
      </c>
    </row>
    <row r="144" spans="1:11" ht="39" thickBot="1" x14ac:dyDescent="0.3">
      <c r="A144" s="45"/>
      <c r="B144" s="48"/>
      <c r="C144" s="2" t="s">
        <v>429</v>
      </c>
      <c r="D144" s="2" t="s">
        <v>430</v>
      </c>
      <c r="E144" s="19"/>
      <c r="F144" s="48"/>
      <c r="G144" s="19"/>
      <c r="H144" s="65"/>
      <c r="I144" s="65"/>
      <c r="J144" s="65"/>
      <c r="K144" s="18"/>
    </row>
    <row r="145" spans="1:11" ht="39" thickBot="1" x14ac:dyDescent="0.3">
      <c r="A145" s="45"/>
      <c r="B145" s="48"/>
      <c r="C145" s="2" t="s">
        <v>431</v>
      </c>
      <c r="D145" s="2" t="s">
        <v>432</v>
      </c>
      <c r="E145" s="19"/>
      <c r="F145" s="48"/>
      <c r="G145" s="19"/>
      <c r="H145" s="65"/>
      <c r="I145" s="65"/>
      <c r="J145" s="65"/>
      <c r="K145" s="4" t="s">
        <v>348</v>
      </c>
    </row>
    <row r="146" spans="1:11" ht="39" thickBot="1" x14ac:dyDescent="0.3">
      <c r="A146" s="45"/>
      <c r="B146" s="48"/>
      <c r="C146" s="2" t="s">
        <v>433</v>
      </c>
      <c r="D146" s="2" t="s">
        <v>434</v>
      </c>
      <c r="E146" s="19"/>
      <c r="F146" s="48"/>
      <c r="G146" s="19"/>
      <c r="H146" s="65"/>
      <c r="I146" s="65"/>
      <c r="J146" s="65"/>
      <c r="K146" s="19"/>
    </row>
    <row r="147" spans="1:11" ht="39" thickBot="1" x14ac:dyDescent="0.3">
      <c r="A147" s="45"/>
      <c r="B147" s="48"/>
      <c r="C147" s="2" t="s">
        <v>435</v>
      </c>
      <c r="D147" s="2" t="s">
        <v>436</v>
      </c>
      <c r="E147" s="19"/>
      <c r="F147" s="48"/>
      <c r="G147" s="19"/>
      <c r="H147" s="65"/>
      <c r="I147" s="65"/>
      <c r="J147" s="65"/>
      <c r="K147" s="19"/>
    </row>
    <row r="148" spans="1:11" ht="26.25" thickBot="1" x14ac:dyDescent="0.3">
      <c r="A148" s="45"/>
      <c r="B148" s="48"/>
      <c r="C148" s="2" t="s">
        <v>437</v>
      </c>
      <c r="D148" s="2" t="s">
        <v>438</v>
      </c>
      <c r="E148" s="19"/>
      <c r="F148" s="48"/>
      <c r="G148" s="19"/>
      <c r="H148" s="65"/>
      <c r="I148" s="65"/>
      <c r="J148" s="65"/>
      <c r="K148" s="19"/>
    </row>
    <row r="149" spans="1:11" ht="39" thickBot="1" x14ac:dyDescent="0.3">
      <c r="A149" s="45"/>
      <c r="B149" s="48"/>
      <c r="C149" s="2" t="s">
        <v>439</v>
      </c>
      <c r="D149" s="2" t="s">
        <v>440</v>
      </c>
      <c r="E149" s="19"/>
      <c r="F149" s="48"/>
      <c r="G149" s="19"/>
      <c r="H149" s="65"/>
      <c r="I149" s="65"/>
      <c r="J149" s="65"/>
      <c r="K149" s="19"/>
    </row>
    <row r="150" spans="1:11" ht="77.25" thickBot="1" x14ac:dyDescent="0.3">
      <c r="A150" s="46"/>
      <c r="B150" s="49"/>
      <c r="C150" s="2" t="s">
        <v>441</v>
      </c>
      <c r="D150" s="2" t="s">
        <v>442</v>
      </c>
      <c r="E150" s="20"/>
      <c r="F150" s="49"/>
      <c r="G150" s="20"/>
      <c r="H150" s="71"/>
      <c r="I150" s="71"/>
      <c r="J150" s="71"/>
      <c r="K150" s="20"/>
    </row>
    <row r="151" spans="1:11" ht="89.25" x14ac:dyDescent="0.25">
      <c r="A151" s="44" t="s">
        <v>311</v>
      </c>
      <c r="B151" s="47" t="s">
        <v>443</v>
      </c>
      <c r="C151" s="47" t="s">
        <v>444</v>
      </c>
      <c r="D151" s="47" t="s">
        <v>445</v>
      </c>
      <c r="E151" s="4" t="s">
        <v>403</v>
      </c>
      <c r="F151" s="47" t="s">
        <v>158</v>
      </c>
      <c r="G151" s="4" t="s">
        <v>446</v>
      </c>
      <c r="H151" s="41" t="s">
        <v>16</v>
      </c>
      <c r="I151" s="41" t="s">
        <v>16</v>
      </c>
      <c r="J151" s="41" t="s">
        <v>16</v>
      </c>
      <c r="K151" s="4" t="s">
        <v>449</v>
      </c>
    </row>
    <row r="152" spans="1:11" ht="15.75" thickBot="1" x14ac:dyDescent="0.3">
      <c r="A152" s="45"/>
      <c r="B152" s="48"/>
      <c r="C152" s="49"/>
      <c r="D152" s="49"/>
      <c r="E152" s="18"/>
      <c r="F152" s="48"/>
      <c r="G152" s="18"/>
      <c r="H152" s="42"/>
      <c r="I152" s="42"/>
      <c r="J152" s="42"/>
      <c r="K152" s="18"/>
    </row>
    <row r="153" spans="1:11" ht="39" thickBot="1" x14ac:dyDescent="0.3">
      <c r="A153" s="45"/>
      <c r="B153" s="48"/>
      <c r="C153" s="2" t="s">
        <v>451</v>
      </c>
      <c r="D153" s="2" t="s">
        <v>452</v>
      </c>
      <c r="E153" s="4" t="s">
        <v>157</v>
      </c>
      <c r="F153" s="48"/>
      <c r="G153" s="4" t="s">
        <v>447</v>
      </c>
      <c r="H153" s="42"/>
      <c r="I153" s="42"/>
      <c r="J153" s="42"/>
      <c r="K153" s="4" t="s">
        <v>450</v>
      </c>
    </row>
    <row r="154" spans="1:11" ht="39" thickBot="1" x14ac:dyDescent="0.3">
      <c r="A154" s="45"/>
      <c r="B154" s="48"/>
      <c r="C154" s="2" t="s">
        <v>453</v>
      </c>
      <c r="D154" s="2" t="s">
        <v>454</v>
      </c>
      <c r="E154" s="19"/>
      <c r="F154" s="48"/>
      <c r="G154" s="18"/>
      <c r="H154" s="42"/>
      <c r="I154" s="42"/>
      <c r="J154" s="42"/>
      <c r="K154" s="18"/>
    </row>
    <row r="155" spans="1:11" ht="90" thickBot="1" x14ac:dyDescent="0.3">
      <c r="A155" s="46"/>
      <c r="B155" s="49"/>
      <c r="C155" s="2" t="s">
        <v>455</v>
      </c>
      <c r="D155" s="2" t="s">
        <v>456</v>
      </c>
      <c r="E155" s="20"/>
      <c r="F155" s="49"/>
      <c r="G155" s="2" t="s">
        <v>448</v>
      </c>
      <c r="H155" s="43"/>
      <c r="I155" s="43"/>
      <c r="J155" s="43"/>
      <c r="K155" s="2" t="s">
        <v>348</v>
      </c>
    </row>
    <row r="156" spans="1:11" ht="90" thickBot="1" x14ac:dyDescent="0.3">
      <c r="A156" s="44" t="s">
        <v>311</v>
      </c>
      <c r="B156" s="47" t="s">
        <v>457</v>
      </c>
      <c r="C156" s="2" t="s">
        <v>458</v>
      </c>
      <c r="D156" s="2" t="s">
        <v>459</v>
      </c>
      <c r="E156" s="4" t="s">
        <v>157</v>
      </c>
      <c r="F156" s="47" t="s">
        <v>158</v>
      </c>
      <c r="G156" s="4" t="s">
        <v>460</v>
      </c>
      <c r="H156" s="41" t="s">
        <v>16</v>
      </c>
      <c r="I156" s="41" t="s">
        <v>16</v>
      </c>
      <c r="J156" s="41" t="s">
        <v>16</v>
      </c>
      <c r="K156" s="4" t="s">
        <v>462</v>
      </c>
    </row>
    <row r="157" spans="1:11" ht="39" thickBot="1" x14ac:dyDescent="0.3">
      <c r="A157" s="45"/>
      <c r="B157" s="48"/>
      <c r="C157" s="2" t="s">
        <v>464</v>
      </c>
      <c r="D157" s="2" t="s">
        <v>465</v>
      </c>
      <c r="E157" s="18"/>
      <c r="F157" s="48"/>
      <c r="G157" s="18"/>
      <c r="H157" s="42"/>
      <c r="I157" s="42"/>
      <c r="J157" s="42"/>
      <c r="K157" s="18"/>
    </row>
    <row r="158" spans="1:11" ht="51.75" thickBot="1" x14ac:dyDescent="0.3">
      <c r="A158" s="45"/>
      <c r="B158" s="48"/>
      <c r="C158" s="2" t="s">
        <v>466</v>
      </c>
      <c r="D158" s="2" t="s">
        <v>467</v>
      </c>
      <c r="E158" s="4" t="s">
        <v>324</v>
      </c>
      <c r="F158" s="48"/>
      <c r="G158" s="4" t="s">
        <v>461</v>
      </c>
      <c r="H158" s="42"/>
      <c r="I158" s="42"/>
      <c r="J158" s="42"/>
      <c r="K158" s="4" t="s">
        <v>178</v>
      </c>
    </row>
    <row r="159" spans="1:11" ht="39" thickBot="1" x14ac:dyDescent="0.3">
      <c r="A159" s="45"/>
      <c r="B159" s="48"/>
      <c r="C159" s="2" t="s">
        <v>468</v>
      </c>
      <c r="D159" s="2" t="s">
        <v>469</v>
      </c>
      <c r="E159" s="19"/>
      <c r="F159" s="48"/>
      <c r="G159" s="19"/>
      <c r="H159" s="42"/>
      <c r="I159" s="42"/>
      <c r="J159" s="42"/>
      <c r="K159" s="18"/>
    </row>
    <row r="160" spans="1:11" ht="51.75" thickBot="1" x14ac:dyDescent="0.3">
      <c r="A160" s="45"/>
      <c r="B160" s="48"/>
      <c r="C160" s="2" t="s">
        <v>470</v>
      </c>
      <c r="D160" s="2" t="s">
        <v>471</v>
      </c>
      <c r="E160" s="19"/>
      <c r="F160" s="48"/>
      <c r="G160" s="19"/>
      <c r="H160" s="42"/>
      <c r="I160" s="42"/>
      <c r="J160" s="42"/>
      <c r="K160" s="4" t="s">
        <v>463</v>
      </c>
    </row>
    <row r="161" spans="1:11" ht="39" thickBot="1" x14ac:dyDescent="0.3">
      <c r="A161" s="45"/>
      <c r="B161" s="48"/>
      <c r="C161" s="2" t="s">
        <v>472</v>
      </c>
      <c r="D161" s="2" t="s">
        <v>473</v>
      </c>
      <c r="E161" s="19"/>
      <c r="F161" s="48"/>
      <c r="G161" s="19"/>
      <c r="H161" s="42"/>
      <c r="I161" s="42"/>
      <c r="J161" s="42"/>
      <c r="K161" s="18"/>
    </row>
    <row r="162" spans="1:11" ht="39" thickBot="1" x14ac:dyDescent="0.3">
      <c r="A162" s="46"/>
      <c r="B162" s="49"/>
      <c r="C162" s="2" t="s">
        <v>474</v>
      </c>
      <c r="D162" s="2" t="s">
        <v>475</v>
      </c>
      <c r="E162" s="20"/>
      <c r="F162" s="49"/>
      <c r="G162" s="20"/>
      <c r="H162" s="43"/>
      <c r="I162" s="43"/>
      <c r="J162" s="43"/>
      <c r="K162" s="2" t="s">
        <v>348</v>
      </c>
    </row>
    <row r="163" spans="1:11" ht="63.75" x14ac:dyDescent="0.25">
      <c r="A163" s="44" t="s">
        <v>311</v>
      </c>
      <c r="B163" s="47" t="s">
        <v>476</v>
      </c>
      <c r="C163" s="47" t="s">
        <v>477</v>
      </c>
      <c r="D163" s="47" t="s">
        <v>478</v>
      </c>
      <c r="E163" s="4" t="s">
        <v>157</v>
      </c>
      <c r="F163" s="47" t="s">
        <v>339</v>
      </c>
      <c r="G163" s="4" t="s">
        <v>480</v>
      </c>
      <c r="H163" s="41" t="s">
        <v>16</v>
      </c>
      <c r="I163" s="41" t="s">
        <v>16</v>
      </c>
      <c r="J163" s="41" t="s">
        <v>16</v>
      </c>
      <c r="K163" s="4" t="s">
        <v>488</v>
      </c>
    </row>
    <row r="164" spans="1:11" x14ac:dyDescent="0.25">
      <c r="A164" s="45"/>
      <c r="B164" s="48"/>
      <c r="C164" s="48"/>
      <c r="D164" s="48"/>
      <c r="E164" s="18"/>
      <c r="F164" s="48"/>
      <c r="G164" s="18"/>
      <c r="H164" s="42"/>
      <c r="I164" s="42"/>
      <c r="J164" s="42"/>
      <c r="K164" s="18"/>
    </row>
    <row r="165" spans="1:11" ht="51" x14ac:dyDescent="0.25">
      <c r="A165" s="45"/>
      <c r="B165" s="48"/>
      <c r="C165" s="48"/>
      <c r="D165" s="48"/>
      <c r="E165" s="4" t="s">
        <v>479</v>
      </c>
      <c r="F165" s="48"/>
      <c r="G165" s="4" t="s">
        <v>481</v>
      </c>
      <c r="H165" s="42"/>
      <c r="I165" s="42"/>
      <c r="J165" s="42"/>
      <c r="K165" s="4" t="s">
        <v>489</v>
      </c>
    </row>
    <row r="166" spans="1:11" ht="15.75" thickBot="1" x14ac:dyDescent="0.3">
      <c r="A166" s="45"/>
      <c r="B166" s="48"/>
      <c r="C166" s="49"/>
      <c r="D166" s="49"/>
      <c r="E166" s="19"/>
      <c r="F166" s="48"/>
      <c r="G166" s="18"/>
      <c r="H166" s="42"/>
      <c r="I166" s="42"/>
      <c r="J166" s="42"/>
      <c r="K166" s="18"/>
    </row>
    <row r="167" spans="1:11" ht="64.5" thickBot="1" x14ac:dyDescent="0.3">
      <c r="A167" s="45"/>
      <c r="B167" s="48"/>
      <c r="C167" s="2" t="s">
        <v>491</v>
      </c>
      <c r="D167" s="2" t="s">
        <v>492</v>
      </c>
      <c r="E167" s="19"/>
      <c r="F167" s="48"/>
      <c r="G167" s="4" t="s">
        <v>482</v>
      </c>
      <c r="H167" s="42"/>
      <c r="I167" s="42"/>
      <c r="J167" s="42"/>
      <c r="K167" s="4" t="s">
        <v>490</v>
      </c>
    </row>
    <row r="168" spans="1:11" ht="51.75" thickBot="1" x14ac:dyDescent="0.3">
      <c r="A168" s="45"/>
      <c r="B168" s="48"/>
      <c r="C168" s="2" t="s">
        <v>493</v>
      </c>
      <c r="D168" s="2" t="s">
        <v>494</v>
      </c>
      <c r="E168" s="19"/>
      <c r="F168" s="48"/>
      <c r="G168" s="18"/>
      <c r="H168" s="42"/>
      <c r="I168" s="42"/>
      <c r="J168" s="42"/>
      <c r="K168" s="19"/>
    </row>
    <row r="169" spans="1:11" ht="39" thickBot="1" x14ac:dyDescent="0.3">
      <c r="A169" s="45"/>
      <c r="B169" s="48"/>
      <c r="C169" s="2" t="s">
        <v>495</v>
      </c>
      <c r="D169" s="2" t="s">
        <v>496</v>
      </c>
      <c r="E169" s="19"/>
      <c r="F169" s="48"/>
      <c r="G169" s="4" t="s">
        <v>483</v>
      </c>
      <c r="H169" s="42"/>
      <c r="I169" s="42"/>
      <c r="J169" s="42"/>
      <c r="K169" s="19"/>
    </row>
    <row r="170" spans="1:11" ht="39" thickBot="1" x14ac:dyDescent="0.3">
      <c r="A170" s="45"/>
      <c r="B170" s="48"/>
      <c r="C170" s="2" t="s">
        <v>497</v>
      </c>
      <c r="D170" s="2" t="s">
        <v>498</v>
      </c>
      <c r="E170" s="19"/>
      <c r="F170" s="48"/>
      <c r="G170" s="18"/>
      <c r="H170" s="42"/>
      <c r="I170" s="42"/>
      <c r="J170" s="42"/>
      <c r="K170" s="19"/>
    </row>
    <row r="171" spans="1:11" ht="39" thickBot="1" x14ac:dyDescent="0.3">
      <c r="A171" s="45"/>
      <c r="B171" s="48"/>
      <c r="C171" s="2" t="s">
        <v>499</v>
      </c>
      <c r="D171" s="2" t="s">
        <v>500</v>
      </c>
      <c r="E171" s="19"/>
      <c r="F171" s="48"/>
      <c r="G171" s="4" t="s">
        <v>484</v>
      </c>
      <c r="H171" s="42"/>
      <c r="I171" s="42"/>
      <c r="J171" s="42"/>
      <c r="K171" s="19"/>
    </row>
    <row r="172" spans="1:11" ht="39" thickBot="1" x14ac:dyDescent="0.3">
      <c r="A172" s="45"/>
      <c r="B172" s="48"/>
      <c r="C172" s="2" t="s">
        <v>501</v>
      </c>
      <c r="D172" s="2" t="s">
        <v>502</v>
      </c>
      <c r="E172" s="19"/>
      <c r="F172" s="48"/>
      <c r="G172" s="18"/>
      <c r="H172" s="42"/>
      <c r="I172" s="42"/>
      <c r="J172" s="42"/>
      <c r="K172" s="19"/>
    </row>
    <row r="173" spans="1:11" ht="51.75" thickBot="1" x14ac:dyDescent="0.3">
      <c r="A173" s="45"/>
      <c r="B173" s="48"/>
      <c r="C173" s="2" t="s">
        <v>503</v>
      </c>
      <c r="D173" s="2" t="s">
        <v>504</v>
      </c>
      <c r="E173" s="19"/>
      <c r="F173" s="48"/>
      <c r="G173" s="4" t="s">
        <v>485</v>
      </c>
      <c r="H173" s="42"/>
      <c r="I173" s="42"/>
      <c r="J173" s="42"/>
      <c r="K173" s="19"/>
    </row>
    <row r="174" spans="1:11" ht="39" thickBot="1" x14ac:dyDescent="0.3">
      <c r="A174" s="45"/>
      <c r="B174" s="48"/>
      <c r="C174" s="2" t="s">
        <v>505</v>
      </c>
      <c r="D174" s="2" t="s">
        <v>506</v>
      </c>
      <c r="E174" s="19"/>
      <c r="F174" s="48"/>
      <c r="G174" s="18"/>
      <c r="H174" s="42"/>
      <c r="I174" s="42"/>
      <c r="J174" s="42"/>
      <c r="K174" s="19"/>
    </row>
    <row r="175" spans="1:11" ht="51.75" thickBot="1" x14ac:dyDescent="0.3">
      <c r="A175" s="45"/>
      <c r="B175" s="48"/>
      <c r="C175" s="2" t="s">
        <v>507</v>
      </c>
      <c r="D175" s="2" t="s">
        <v>508</v>
      </c>
      <c r="E175" s="19"/>
      <c r="F175" s="48"/>
      <c r="G175" s="4" t="s">
        <v>486</v>
      </c>
      <c r="H175" s="42"/>
      <c r="I175" s="42"/>
      <c r="J175" s="42"/>
      <c r="K175" s="19"/>
    </row>
    <row r="176" spans="1:11" ht="39" thickBot="1" x14ac:dyDescent="0.3">
      <c r="A176" s="45"/>
      <c r="B176" s="48"/>
      <c r="C176" s="2" t="s">
        <v>509</v>
      </c>
      <c r="D176" s="2" t="s">
        <v>510</v>
      </c>
      <c r="E176" s="19"/>
      <c r="F176" s="48"/>
      <c r="G176" s="18"/>
      <c r="H176" s="42"/>
      <c r="I176" s="42"/>
      <c r="J176" s="42"/>
      <c r="K176" s="19"/>
    </row>
    <row r="177" spans="1:11" ht="51.75" thickBot="1" x14ac:dyDescent="0.3">
      <c r="A177" s="46"/>
      <c r="B177" s="49"/>
      <c r="C177" s="2" t="s">
        <v>511</v>
      </c>
      <c r="D177" s="2" t="s">
        <v>512</v>
      </c>
      <c r="E177" s="20"/>
      <c r="F177" s="49"/>
      <c r="G177" s="2" t="s">
        <v>487</v>
      </c>
      <c r="H177" s="43"/>
      <c r="I177" s="43"/>
      <c r="J177" s="43"/>
      <c r="K177" s="20"/>
    </row>
    <row r="178" spans="1:11" ht="51.75" thickBot="1" x14ac:dyDescent="0.3">
      <c r="A178" s="44" t="s">
        <v>311</v>
      </c>
      <c r="B178" s="47" t="s">
        <v>513</v>
      </c>
      <c r="C178" s="2" t="s">
        <v>514</v>
      </c>
      <c r="D178" s="2" t="s">
        <v>515</v>
      </c>
      <c r="E178" s="4" t="s">
        <v>516</v>
      </c>
      <c r="F178" s="47" t="s">
        <v>158</v>
      </c>
      <c r="G178" s="4" t="s">
        <v>480</v>
      </c>
      <c r="H178" s="41" t="s">
        <v>16</v>
      </c>
      <c r="I178" s="41" t="s">
        <v>16</v>
      </c>
      <c r="J178" s="41" t="s">
        <v>16</v>
      </c>
      <c r="K178" s="4" t="s">
        <v>522</v>
      </c>
    </row>
    <row r="179" spans="1:11" ht="39" thickBot="1" x14ac:dyDescent="0.3">
      <c r="A179" s="45"/>
      <c r="B179" s="48"/>
      <c r="C179" s="2" t="s">
        <v>523</v>
      </c>
      <c r="D179" s="2" t="s">
        <v>524</v>
      </c>
      <c r="E179" s="18"/>
      <c r="F179" s="48"/>
      <c r="G179" s="18"/>
      <c r="H179" s="42"/>
      <c r="I179" s="42"/>
      <c r="J179" s="42"/>
      <c r="K179" s="18"/>
    </row>
    <row r="180" spans="1:11" ht="39" thickBot="1" x14ac:dyDescent="0.3">
      <c r="A180" s="45"/>
      <c r="B180" s="48"/>
      <c r="C180" s="2" t="s">
        <v>525</v>
      </c>
      <c r="D180" s="2" t="s">
        <v>526</v>
      </c>
      <c r="E180" s="4" t="s">
        <v>157</v>
      </c>
      <c r="F180" s="48"/>
      <c r="G180" s="4" t="s">
        <v>517</v>
      </c>
      <c r="H180" s="42"/>
      <c r="I180" s="42"/>
      <c r="J180" s="42"/>
      <c r="K180" s="4" t="s">
        <v>489</v>
      </c>
    </row>
    <row r="181" spans="1:11" ht="51.75" thickBot="1" x14ac:dyDescent="0.3">
      <c r="A181" s="45"/>
      <c r="B181" s="48"/>
      <c r="C181" s="2" t="s">
        <v>514</v>
      </c>
      <c r="D181" s="2" t="s">
        <v>515</v>
      </c>
      <c r="E181" s="18"/>
      <c r="F181" s="48"/>
      <c r="G181" s="18"/>
      <c r="H181" s="42"/>
      <c r="I181" s="42"/>
      <c r="J181" s="42"/>
      <c r="K181" s="18"/>
    </row>
    <row r="182" spans="1:11" ht="39" thickBot="1" x14ac:dyDescent="0.3">
      <c r="A182" s="45"/>
      <c r="B182" s="48"/>
      <c r="C182" s="2" t="s">
        <v>527</v>
      </c>
      <c r="D182" s="2" t="s">
        <v>528</v>
      </c>
      <c r="E182" s="4" t="s">
        <v>479</v>
      </c>
      <c r="F182" s="48"/>
      <c r="G182" s="4" t="s">
        <v>518</v>
      </c>
      <c r="H182" s="42"/>
      <c r="I182" s="42"/>
      <c r="J182" s="42"/>
      <c r="K182" s="4" t="s">
        <v>348</v>
      </c>
    </row>
    <row r="183" spans="1:11" ht="26.25" thickBot="1" x14ac:dyDescent="0.3">
      <c r="A183" s="45"/>
      <c r="B183" s="48"/>
      <c r="C183" s="2" t="s">
        <v>529</v>
      </c>
      <c r="D183" s="2" t="s">
        <v>530</v>
      </c>
      <c r="E183" s="19"/>
      <c r="F183" s="48"/>
      <c r="G183" s="18"/>
      <c r="H183" s="42"/>
      <c r="I183" s="42"/>
      <c r="J183" s="42"/>
      <c r="K183" s="19"/>
    </row>
    <row r="184" spans="1:11" ht="51.75" thickBot="1" x14ac:dyDescent="0.3">
      <c r="A184" s="45"/>
      <c r="B184" s="48"/>
      <c r="C184" s="2" t="s">
        <v>531</v>
      </c>
      <c r="D184" s="2" t="s">
        <v>532</v>
      </c>
      <c r="E184" s="19"/>
      <c r="F184" s="48"/>
      <c r="G184" s="4" t="s">
        <v>519</v>
      </c>
      <c r="H184" s="42"/>
      <c r="I184" s="42"/>
      <c r="J184" s="42"/>
      <c r="K184" s="19"/>
    </row>
    <row r="185" spans="1:11" ht="39" thickBot="1" x14ac:dyDescent="0.3">
      <c r="A185" s="45"/>
      <c r="B185" s="48"/>
      <c r="C185" s="2" t="s">
        <v>533</v>
      </c>
      <c r="D185" s="2" t="s">
        <v>534</v>
      </c>
      <c r="E185" s="19"/>
      <c r="F185" s="48"/>
      <c r="G185" s="18"/>
      <c r="H185" s="42"/>
      <c r="I185" s="42"/>
      <c r="J185" s="42"/>
      <c r="K185" s="19"/>
    </row>
    <row r="186" spans="1:11" ht="51.75" thickBot="1" x14ac:dyDescent="0.3">
      <c r="A186" s="45"/>
      <c r="B186" s="48"/>
      <c r="C186" s="2" t="s">
        <v>535</v>
      </c>
      <c r="D186" s="2" t="s">
        <v>536</v>
      </c>
      <c r="E186" s="19"/>
      <c r="F186" s="48"/>
      <c r="G186" s="4" t="s">
        <v>520</v>
      </c>
      <c r="H186" s="42"/>
      <c r="I186" s="42"/>
      <c r="J186" s="42"/>
      <c r="K186" s="19"/>
    </row>
    <row r="187" spans="1:11" ht="39" thickBot="1" x14ac:dyDescent="0.3">
      <c r="A187" s="45"/>
      <c r="B187" s="48"/>
      <c r="C187" s="2" t="s">
        <v>537</v>
      </c>
      <c r="D187" s="2" t="s">
        <v>538</v>
      </c>
      <c r="E187" s="19"/>
      <c r="F187" s="48"/>
      <c r="G187" s="18"/>
      <c r="H187" s="42"/>
      <c r="I187" s="42"/>
      <c r="J187" s="42"/>
      <c r="K187" s="19"/>
    </row>
    <row r="188" spans="1:11" ht="64.5" thickBot="1" x14ac:dyDescent="0.3">
      <c r="A188" s="45"/>
      <c r="B188" s="48"/>
      <c r="C188" s="2" t="s">
        <v>511</v>
      </c>
      <c r="D188" s="2" t="s">
        <v>539</v>
      </c>
      <c r="E188" s="19"/>
      <c r="F188" s="48"/>
      <c r="G188" s="4" t="s">
        <v>521</v>
      </c>
      <c r="H188" s="42"/>
      <c r="I188" s="42"/>
      <c r="J188" s="42"/>
      <c r="K188" s="19"/>
    </row>
    <row r="189" spans="1:11" ht="51.75" thickBot="1" x14ac:dyDescent="0.3">
      <c r="A189" s="46"/>
      <c r="B189" s="49"/>
      <c r="C189" s="2" t="s">
        <v>540</v>
      </c>
      <c r="D189" s="2" t="s">
        <v>541</v>
      </c>
      <c r="E189" s="20"/>
      <c r="F189" s="49"/>
      <c r="G189" s="20"/>
      <c r="H189" s="43"/>
      <c r="I189" s="43"/>
      <c r="J189" s="43"/>
      <c r="K189" s="20"/>
    </row>
    <row r="190" spans="1:11" ht="102" x14ac:dyDescent="0.25">
      <c r="A190" s="44" t="s">
        <v>311</v>
      </c>
      <c r="B190" s="47" t="s">
        <v>542</v>
      </c>
      <c r="C190" s="47" t="s">
        <v>543</v>
      </c>
      <c r="D190" s="47" t="s">
        <v>544</v>
      </c>
      <c r="E190" s="47" t="s">
        <v>157</v>
      </c>
      <c r="F190" s="47" t="s">
        <v>339</v>
      </c>
      <c r="G190" s="4" t="s">
        <v>545</v>
      </c>
      <c r="H190" s="41" t="s">
        <v>16</v>
      </c>
      <c r="I190" s="41" t="s">
        <v>16</v>
      </c>
      <c r="J190" s="41" t="s">
        <v>16</v>
      </c>
      <c r="K190" s="4" t="s">
        <v>547</v>
      </c>
    </row>
    <row r="191" spans="1:11" x14ac:dyDescent="0.25">
      <c r="A191" s="45"/>
      <c r="B191" s="48"/>
      <c r="C191" s="48"/>
      <c r="D191" s="48"/>
      <c r="E191" s="48"/>
      <c r="F191" s="48"/>
      <c r="G191" s="18"/>
      <c r="H191" s="42"/>
      <c r="I191" s="42"/>
      <c r="J191" s="42"/>
      <c r="K191" s="18"/>
    </row>
    <row r="192" spans="1:11" ht="114.75" x14ac:dyDescent="0.25">
      <c r="A192" s="45"/>
      <c r="B192" s="48"/>
      <c r="C192" s="48"/>
      <c r="D192" s="48"/>
      <c r="E192" s="48"/>
      <c r="F192" s="48"/>
      <c r="G192" s="4" t="s">
        <v>546</v>
      </c>
      <c r="H192" s="42"/>
      <c r="I192" s="42"/>
      <c r="J192" s="42"/>
      <c r="K192" s="4" t="s">
        <v>489</v>
      </c>
    </row>
    <row r="193" spans="1:11" x14ac:dyDescent="0.25">
      <c r="A193" s="45"/>
      <c r="B193" s="48"/>
      <c r="C193" s="48"/>
      <c r="D193" s="48"/>
      <c r="E193" s="48"/>
      <c r="F193" s="48"/>
      <c r="G193" s="19"/>
      <c r="H193" s="42"/>
      <c r="I193" s="42"/>
      <c r="J193" s="42"/>
      <c r="K193" s="18"/>
    </row>
    <row r="194" spans="1:11" ht="51.75" thickBot="1" x14ac:dyDescent="0.3">
      <c r="A194" s="45"/>
      <c r="B194" s="48"/>
      <c r="C194" s="49"/>
      <c r="D194" s="49"/>
      <c r="E194" s="48"/>
      <c r="F194" s="48"/>
      <c r="G194" s="19"/>
      <c r="H194" s="42"/>
      <c r="I194" s="42"/>
      <c r="J194" s="42"/>
      <c r="K194" s="4" t="s">
        <v>548</v>
      </c>
    </row>
    <row r="195" spans="1:11" ht="39" thickBot="1" x14ac:dyDescent="0.3">
      <c r="A195" s="45"/>
      <c r="B195" s="48"/>
      <c r="C195" s="2" t="s">
        <v>550</v>
      </c>
      <c r="D195" s="2" t="s">
        <v>551</v>
      </c>
      <c r="E195" s="48"/>
      <c r="F195" s="48"/>
      <c r="G195" s="19"/>
      <c r="H195" s="42"/>
      <c r="I195" s="42"/>
      <c r="J195" s="42"/>
      <c r="K195" s="18"/>
    </row>
    <row r="196" spans="1:11" ht="64.5" thickBot="1" x14ac:dyDescent="0.3">
      <c r="A196" s="46"/>
      <c r="B196" s="49"/>
      <c r="C196" s="2" t="s">
        <v>552</v>
      </c>
      <c r="D196" s="2" t="s">
        <v>553</v>
      </c>
      <c r="E196" s="49"/>
      <c r="F196" s="49"/>
      <c r="G196" s="20"/>
      <c r="H196" s="43"/>
      <c r="I196" s="43"/>
      <c r="J196" s="43"/>
      <c r="K196" s="2" t="s">
        <v>549</v>
      </c>
    </row>
    <row r="197" spans="1:11" ht="102.75" thickBot="1" x14ac:dyDescent="0.3">
      <c r="A197" s="44" t="s">
        <v>311</v>
      </c>
      <c r="B197" s="47" t="s">
        <v>554</v>
      </c>
      <c r="C197" s="2" t="s">
        <v>555</v>
      </c>
      <c r="D197" s="2" t="s">
        <v>556</v>
      </c>
      <c r="E197" s="4" t="s">
        <v>315</v>
      </c>
      <c r="F197" s="47" t="s">
        <v>158</v>
      </c>
      <c r="G197" s="4" t="s">
        <v>557</v>
      </c>
      <c r="H197" s="41" t="s">
        <v>16</v>
      </c>
      <c r="I197" s="41" t="s">
        <v>16</v>
      </c>
      <c r="J197" s="41" t="s">
        <v>16</v>
      </c>
      <c r="K197" s="4" t="s">
        <v>561</v>
      </c>
    </row>
    <row r="198" spans="1:11" ht="39" thickBot="1" x14ac:dyDescent="0.3">
      <c r="A198" s="45"/>
      <c r="B198" s="48"/>
      <c r="C198" s="2" t="s">
        <v>564</v>
      </c>
      <c r="D198" s="2" t="s">
        <v>565</v>
      </c>
      <c r="E198" s="18"/>
      <c r="F198" s="48"/>
      <c r="G198" s="18"/>
      <c r="H198" s="42"/>
      <c r="I198" s="42"/>
      <c r="J198" s="42"/>
      <c r="K198" s="18"/>
    </row>
    <row r="199" spans="1:11" ht="77.25" thickBot="1" x14ac:dyDescent="0.3">
      <c r="A199" s="45"/>
      <c r="B199" s="48"/>
      <c r="C199" s="2" t="s">
        <v>566</v>
      </c>
      <c r="D199" s="2" t="s">
        <v>567</v>
      </c>
      <c r="E199" s="4" t="s">
        <v>415</v>
      </c>
      <c r="F199" s="48"/>
      <c r="G199" s="4" t="s">
        <v>558</v>
      </c>
      <c r="H199" s="42"/>
      <c r="I199" s="42"/>
      <c r="J199" s="42"/>
      <c r="K199" s="4" t="s">
        <v>562</v>
      </c>
    </row>
    <row r="200" spans="1:11" ht="39" thickBot="1" x14ac:dyDescent="0.3">
      <c r="A200" s="45"/>
      <c r="B200" s="48"/>
      <c r="C200" s="2" t="s">
        <v>568</v>
      </c>
      <c r="D200" s="2" t="s">
        <v>569</v>
      </c>
      <c r="E200" s="19"/>
      <c r="F200" s="48"/>
      <c r="G200" s="18"/>
      <c r="H200" s="42"/>
      <c r="I200" s="42"/>
      <c r="J200" s="42"/>
      <c r="K200" s="18"/>
    </row>
    <row r="201" spans="1:11" ht="64.5" thickBot="1" x14ac:dyDescent="0.3">
      <c r="A201" s="45"/>
      <c r="B201" s="48"/>
      <c r="C201" s="2" t="s">
        <v>570</v>
      </c>
      <c r="D201" s="2" t="s">
        <v>571</v>
      </c>
      <c r="E201" s="19"/>
      <c r="F201" s="48"/>
      <c r="G201" s="4" t="s">
        <v>559</v>
      </c>
      <c r="H201" s="42"/>
      <c r="I201" s="42"/>
      <c r="J201" s="42"/>
      <c r="K201" s="4" t="s">
        <v>450</v>
      </c>
    </row>
    <row r="202" spans="1:11" ht="51.75" thickBot="1" x14ac:dyDescent="0.3">
      <c r="A202" s="45"/>
      <c r="B202" s="48"/>
      <c r="C202" s="2" t="s">
        <v>572</v>
      </c>
      <c r="D202" s="2" t="s">
        <v>573</v>
      </c>
      <c r="E202" s="19"/>
      <c r="F202" s="48"/>
      <c r="G202" s="18"/>
      <c r="H202" s="42"/>
      <c r="I202" s="42"/>
      <c r="J202" s="42"/>
      <c r="K202" s="18"/>
    </row>
    <row r="203" spans="1:11" ht="90" thickBot="1" x14ac:dyDescent="0.3">
      <c r="A203" s="45"/>
      <c r="B203" s="48"/>
      <c r="C203" s="2" t="s">
        <v>574</v>
      </c>
      <c r="D203" s="2" t="s">
        <v>575</v>
      </c>
      <c r="E203" s="19"/>
      <c r="F203" s="48"/>
      <c r="G203" s="4" t="s">
        <v>560</v>
      </c>
      <c r="H203" s="42"/>
      <c r="I203" s="42"/>
      <c r="J203" s="42"/>
      <c r="K203" s="4" t="s">
        <v>563</v>
      </c>
    </row>
    <row r="204" spans="1:11" ht="64.5" thickBot="1" x14ac:dyDescent="0.3">
      <c r="A204" s="45"/>
      <c r="B204" s="48"/>
      <c r="C204" s="2" t="s">
        <v>576</v>
      </c>
      <c r="D204" s="2" t="s">
        <v>577</v>
      </c>
      <c r="E204" s="19"/>
      <c r="F204" s="48"/>
      <c r="G204" s="19"/>
      <c r="H204" s="42"/>
      <c r="I204" s="42"/>
      <c r="J204" s="42"/>
      <c r="K204" s="19"/>
    </row>
    <row r="205" spans="1:11" ht="64.5" thickBot="1" x14ac:dyDescent="0.3">
      <c r="A205" s="46"/>
      <c r="B205" s="49"/>
      <c r="C205" s="2" t="s">
        <v>578</v>
      </c>
      <c r="D205" s="2" t="s">
        <v>579</v>
      </c>
      <c r="E205" s="20"/>
      <c r="F205" s="49"/>
      <c r="G205" s="20"/>
      <c r="H205" s="43"/>
      <c r="I205" s="43"/>
      <c r="J205" s="43"/>
      <c r="K205" s="20"/>
    </row>
    <row r="206" spans="1:11" ht="51" x14ac:dyDescent="0.25">
      <c r="A206" s="44" t="s">
        <v>311</v>
      </c>
      <c r="B206" s="47" t="s">
        <v>580</v>
      </c>
      <c r="C206" s="47" t="s">
        <v>581</v>
      </c>
      <c r="D206" s="47" t="s">
        <v>582</v>
      </c>
      <c r="E206" s="47" t="s">
        <v>157</v>
      </c>
      <c r="F206" s="47" t="s">
        <v>158</v>
      </c>
      <c r="G206" s="4" t="s">
        <v>583</v>
      </c>
      <c r="H206" s="41" t="s">
        <v>16</v>
      </c>
      <c r="I206" s="41" t="s">
        <v>16</v>
      </c>
      <c r="J206" s="41" t="s">
        <v>16</v>
      </c>
      <c r="K206" s="4" t="s">
        <v>585</v>
      </c>
    </row>
    <row r="207" spans="1:11" x14ac:dyDescent="0.25">
      <c r="A207" s="45"/>
      <c r="B207" s="48"/>
      <c r="C207" s="48"/>
      <c r="D207" s="48"/>
      <c r="E207" s="48"/>
      <c r="F207" s="48"/>
      <c r="G207" s="18"/>
      <c r="H207" s="42"/>
      <c r="I207" s="42"/>
      <c r="J207" s="42"/>
      <c r="K207" s="18"/>
    </row>
    <row r="208" spans="1:11" ht="25.5" x14ac:dyDescent="0.25">
      <c r="A208" s="45"/>
      <c r="B208" s="48"/>
      <c r="C208" s="48"/>
      <c r="D208" s="48"/>
      <c r="E208" s="48"/>
      <c r="F208" s="48"/>
      <c r="G208" s="4" t="s">
        <v>584</v>
      </c>
      <c r="H208" s="42"/>
      <c r="I208" s="42"/>
      <c r="J208" s="42"/>
      <c r="K208" s="4" t="s">
        <v>489</v>
      </c>
    </row>
    <row r="209" spans="1:11" ht="15.75" thickBot="1" x14ac:dyDescent="0.3">
      <c r="A209" s="45"/>
      <c r="B209" s="48"/>
      <c r="C209" s="49"/>
      <c r="D209" s="49"/>
      <c r="E209" s="48"/>
      <c r="F209" s="48"/>
      <c r="G209" s="19"/>
      <c r="H209" s="42"/>
      <c r="I209" s="42"/>
      <c r="J209" s="42"/>
      <c r="K209" s="18"/>
    </row>
    <row r="210" spans="1:11" ht="64.5" thickBot="1" x14ac:dyDescent="0.3">
      <c r="A210" s="46"/>
      <c r="B210" s="49"/>
      <c r="C210" s="2" t="s">
        <v>586</v>
      </c>
      <c r="D210" s="2" t="s">
        <v>587</v>
      </c>
      <c r="E210" s="49"/>
      <c r="F210" s="49"/>
      <c r="G210" s="20"/>
      <c r="H210" s="43"/>
      <c r="I210" s="43"/>
      <c r="J210" s="43"/>
      <c r="K210" s="2" t="s">
        <v>348</v>
      </c>
    </row>
    <row r="211" spans="1:11" ht="76.5" x14ac:dyDescent="0.25">
      <c r="A211" s="44" t="s">
        <v>311</v>
      </c>
      <c r="B211" s="47" t="s">
        <v>588</v>
      </c>
      <c r="C211" s="47" t="s">
        <v>589</v>
      </c>
      <c r="D211" s="47" t="s">
        <v>589</v>
      </c>
      <c r="E211" s="47" t="s">
        <v>157</v>
      </c>
      <c r="F211" s="47" t="s">
        <v>325</v>
      </c>
      <c r="G211" s="4" t="s">
        <v>590</v>
      </c>
      <c r="H211" s="41" t="s">
        <v>16</v>
      </c>
      <c r="I211" s="41" t="s">
        <v>16</v>
      </c>
      <c r="J211" s="41" t="s">
        <v>16</v>
      </c>
      <c r="K211" s="4" t="s">
        <v>593</v>
      </c>
    </row>
    <row r="212" spans="1:11" x14ac:dyDescent="0.25">
      <c r="A212" s="45"/>
      <c r="B212" s="48"/>
      <c r="C212" s="48"/>
      <c r="D212" s="48"/>
      <c r="E212" s="48"/>
      <c r="F212" s="48"/>
      <c r="G212" s="18"/>
      <c r="H212" s="42"/>
      <c r="I212" s="42"/>
      <c r="J212" s="42"/>
      <c r="K212" s="18"/>
    </row>
    <row r="213" spans="1:11" ht="89.25" x14ac:dyDescent="0.25">
      <c r="A213" s="45"/>
      <c r="B213" s="48"/>
      <c r="C213" s="48"/>
      <c r="D213" s="48"/>
      <c r="E213" s="48"/>
      <c r="F213" s="48"/>
      <c r="G213" s="4" t="s">
        <v>591</v>
      </c>
      <c r="H213" s="42"/>
      <c r="I213" s="42"/>
      <c r="J213" s="42"/>
      <c r="K213" s="4" t="s">
        <v>594</v>
      </c>
    </row>
    <row r="214" spans="1:11" x14ac:dyDescent="0.25">
      <c r="A214" s="45"/>
      <c r="B214" s="48"/>
      <c r="C214" s="48"/>
      <c r="D214" s="48"/>
      <c r="E214" s="48"/>
      <c r="F214" s="48"/>
      <c r="G214" s="18"/>
      <c r="H214" s="42"/>
      <c r="I214" s="42"/>
      <c r="J214" s="42"/>
      <c r="K214" s="19"/>
    </row>
    <row r="215" spans="1:11" ht="102.75" thickBot="1" x14ac:dyDescent="0.3">
      <c r="A215" s="46"/>
      <c r="B215" s="49"/>
      <c r="C215" s="49"/>
      <c r="D215" s="49"/>
      <c r="E215" s="49"/>
      <c r="F215" s="49"/>
      <c r="G215" s="2" t="s">
        <v>592</v>
      </c>
      <c r="H215" s="43"/>
      <c r="I215" s="43"/>
      <c r="J215" s="43"/>
      <c r="K215" s="20"/>
    </row>
    <row r="216" spans="1:11" ht="38.25" x14ac:dyDescent="0.25">
      <c r="A216" s="44" t="s">
        <v>311</v>
      </c>
      <c r="B216" s="47" t="s">
        <v>595</v>
      </c>
      <c r="C216" s="47" t="s">
        <v>596</v>
      </c>
      <c r="D216" s="47" t="s">
        <v>258</v>
      </c>
      <c r="E216" s="47" t="s">
        <v>259</v>
      </c>
      <c r="F216" s="47" t="s">
        <v>158</v>
      </c>
      <c r="G216" s="4" t="s">
        <v>260</v>
      </c>
      <c r="H216" s="41" t="s">
        <v>16</v>
      </c>
      <c r="I216" s="41" t="s">
        <v>16</v>
      </c>
      <c r="J216" s="41"/>
      <c r="K216" s="4" t="s">
        <v>597</v>
      </c>
    </row>
    <row r="217" spans="1:11" x14ac:dyDescent="0.25">
      <c r="A217" s="45"/>
      <c r="B217" s="48"/>
      <c r="C217" s="48"/>
      <c r="D217" s="48"/>
      <c r="E217" s="48"/>
      <c r="F217" s="48"/>
      <c r="G217" s="18"/>
      <c r="H217" s="42"/>
      <c r="I217" s="42"/>
      <c r="J217" s="42"/>
      <c r="K217" s="18"/>
    </row>
    <row r="218" spans="1:11" ht="38.25" x14ac:dyDescent="0.25">
      <c r="A218" s="45"/>
      <c r="B218" s="48"/>
      <c r="C218" s="48"/>
      <c r="D218" s="48"/>
      <c r="E218" s="48"/>
      <c r="F218" s="48"/>
      <c r="G218" s="4" t="s">
        <v>261</v>
      </c>
      <c r="H218" s="42"/>
      <c r="I218" s="42"/>
      <c r="J218" s="42"/>
      <c r="K218" s="4" t="s">
        <v>598</v>
      </c>
    </row>
    <row r="219" spans="1:11" x14ac:dyDescent="0.25">
      <c r="A219" s="45"/>
      <c r="B219" s="48"/>
      <c r="C219" s="48"/>
      <c r="D219" s="48"/>
      <c r="E219" s="48"/>
      <c r="F219" s="48"/>
      <c r="G219" s="19"/>
      <c r="H219" s="42"/>
      <c r="I219" s="42"/>
      <c r="J219" s="42"/>
      <c r="K219" s="18"/>
    </row>
    <row r="220" spans="1:11" ht="39" thickBot="1" x14ac:dyDescent="0.3">
      <c r="A220" s="46"/>
      <c r="B220" s="49"/>
      <c r="C220" s="49"/>
      <c r="D220" s="49"/>
      <c r="E220" s="49"/>
      <c r="F220" s="49"/>
      <c r="G220" s="20"/>
      <c r="H220" s="43"/>
      <c r="I220" s="43"/>
      <c r="J220" s="43"/>
      <c r="K220" s="2" t="s">
        <v>348</v>
      </c>
    </row>
    <row r="221" spans="1:11" ht="51.75" thickBot="1" x14ac:dyDescent="0.3">
      <c r="A221" s="44" t="s">
        <v>311</v>
      </c>
      <c r="B221" s="47" t="s">
        <v>263</v>
      </c>
      <c r="C221" s="2" t="s">
        <v>599</v>
      </c>
      <c r="D221" s="2" t="s">
        <v>265</v>
      </c>
      <c r="E221" s="47" t="s">
        <v>259</v>
      </c>
      <c r="F221" s="47" t="s">
        <v>158</v>
      </c>
      <c r="G221" s="47" t="s">
        <v>600</v>
      </c>
      <c r="H221" s="41" t="s">
        <v>16</v>
      </c>
      <c r="I221" s="41" t="s">
        <v>16</v>
      </c>
      <c r="J221" s="41" t="s">
        <v>16</v>
      </c>
      <c r="K221" s="4" t="s">
        <v>601</v>
      </c>
    </row>
    <row r="222" spans="1:11" ht="39" thickBot="1" x14ac:dyDescent="0.3">
      <c r="A222" s="45"/>
      <c r="B222" s="48"/>
      <c r="C222" s="2" t="s">
        <v>603</v>
      </c>
      <c r="D222" s="2" t="s">
        <v>277</v>
      </c>
      <c r="E222" s="48"/>
      <c r="F222" s="48"/>
      <c r="G222" s="48"/>
      <c r="H222" s="42"/>
      <c r="I222" s="42"/>
      <c r="J222" s="42"/>
      <c r="K222" s="18"/>
    </row>
    <row r="223" spans="1:11" ht="39" thickBot="1" x14ac:dyDescent="0.3">
      <c r="A223" s="45"/>
      <c r="B223" s="48"/>
      <c r="C223" s="2" t="s">
        <v>604</v>
      </c>
      <c r="D223" s="2" t="s">
        <v>605</v>
      </c>
      <c r="E223" s="48"/>
      <c r="F223" s="48"/>
      <c r="G223" s="48"/>
      <c r="H223" s="42"/>
      <c r="I223" s="42"/>
      <c r="J223" s="42"/>
      <c r="K223" s="4" t="s">
        <v>275</v>
      </c>
    </row>
    <row r="224" spans="1:11" ht="39" thickBot="1" x14ac:dyDescent="0.3">
      <c r="A224" s="45"/>
      <c r="B224" s="48"/>
      <c r="C224" s="2" t="s">
        <v>606</v>
      </c>
      <c r="D224" s="2" t="s">
        <v>607</v>
      </c>
      <c r="E224" s="48"/>
      <c r="F224" s="48"/>
      <c r="G224" s="48"/>
      <c r="H224" s="42"/>
      <c r="I224" s="42"/>
      <c r="J224" s="42"/>
      <c r="K224" s="18"/>
    </row>
    <row r="225" spans="1:11" ht="102.75" thickBot="1" x14ac:dyDescent="0.3">
      <c r="A225" s="45"/>
      <c r="B225" s="48"/>
      <c r="C225" s="2" t="s">
        <v>608</v>
      </c>
      <c r="D225" s="2" t="s">
        <v>281</v>
      </c>
      <c r="E225" s="48"/>
      <c r="F225" s="48"/>
      <c r="G225" s="48"/>
      <c r="H225" s="42"/>
      <c r="I225" s="42"/>
      <c r="J225" s="42"/>
      <c r="K225" s="4" t="s">
        <v>602</v>
      </c>
    </row>
    <row r="226" spans="1:11" ht="39" thickBot="1" x14ac:dyDescent="0.3">
      <c r="A226" s="45"/>
      <c r="B226" s="48"/>
      <c r="C226" s="2" t="s">
        <v>609</v>
      </c>
      <c r="D226" s="2" t="s">
        <v>283</v>
      </c>
      <c r="E226" s="48"/>
      <c r="F226" s="48"/>
      <c r="G226" s="48"/>
      <c r="H226" s="42"/>
      <c r="I226" s="42"/>
      <c r="J226" s="42"/>
      <c r="K226" s="19"/>
    </row>
    <row r="227" spans="1:11" ht="64.5" thickBot="1" x14ac:dyDescent="0.3">
      <c r="A227" s="45"/>
      <c r="B227" s="48"/>
      <c r="C227" s="2" t="s">
        <v>610</v>
      </c>
      <c r="D227" s="2" t="s">
        <v>285</v>
      </c>
      <c r="E227" s="48"/>
      <c r="F227" s="48"/>
      <c r="G227" s="48"/>
      <c r="H227" s="42"/>
      <c r="I227" s="42"/>
      <c r="J227" s="42"/>
      <c r="K227" s="19"/>
    </row>
    <row r="228" spans="1:11" ht="51.75" thickBot="1" x14ac:dyDescent="0.3">
      <c r="A228" s="45"/>
      <c r="B228" s="48"/>
      <c r="C228" s="2" t="s">
        <v>611</v>
      </c>
      <c r="D228" s="2" t="s">
        <v>612</v>
      </c>
      <c r="E228" s="48"/>
      <c r="F228" s="48"/>
      <c r="G228" s="48"/>
      <c r="H228" s="42"/>
      <c r="I228" s="42"/>
      <c r="J228" s="42"/>
      <c r="K228" s="19"/>
    </row>
    <row r="229" spans="1:11" ht="39" thickBot="1" x14ac:dyDescent="0.3">
      <c r="A229" s="46"/>
      <c r="B229" s="49"/>
      <c r="C229" s="2" t="s">
        <v>613</v>
      </c>
      <c r="D229" s="2" t="s">
        <v>614</v>
      </c>
      <c r="E229" s="49"/>
      <c r="F229" s="49"/>
      <c r="G229" s="49"/>
      <c r="H229" s="43"/>
      <c r="I229" s="43"/>
      <c r="J229" s="43"/>
      <c r="K229" s="20"/>
    </row>
    <row r="230" spans="1:11" ht="51.75" thickBot="1" x14ac:dyDescent="0.3">
      <c r="A230" s="47" t="s">
        <v>615</v>
      </c>
      <c r="B230" s="47" t="s">
        <v>616</v>
      </c>
      <c r="C230" s="2" t="s">
        <v>617</v>
      </c>
      <c r="D230" s="2" t="s">
        <v>618</v>
      </c>
      <c r="E230" s="4" t="s">
        <v>315</v>
      </c>
      <c r="F230" s="47" t="s">
        <v>339</v>
      </c>
      <c r="G230" s="4" t="s">
        <v>340</v>
      </c>
      <c r="H230" s="67" t="s">
        <v>16</v>
      </c>
      <c r="I230" s="67" t="s">
        <v>16</v>
      </c>
      <c r="J230" s="67" t="s">
        <v>16</v>
      </c>
      <c r="K230" s="4" t="s">
        <v>622</v>
      </c>
    </row>
    <row r="231" spans="1:11" ht="128.25" thickBot="1" x14ac:dyDescent="0.3">
      <c r="A231" s="48"/>
      <c r="B231" s="48"/>
      <c r="C231" s="2" t="s">
        <v>630</v>
      </c>
      <c r="D231" s="2" t="s">
        <v>631</v>
      </c>
      <c r="E231" s="18"/>
      <c r="F231" s="48"/>
      <c r="G231" s="18"/>
      <c r="H231" s="65"/>
      <c r="I231" s="65"/>
      <c r="J231" s="65"/>
      <c r="K231" s="18"/>
    </row>
    <row r="232" spans="1:11" ht="51.75" thickBot="1" x14ac:dyDescent="0.3">
      <c r="A232" s="48"/>
      <c r="B232" s="48"/>
      <c r="C232" s="2" t="s">
        <v>632</v>
      </c>
      <c r="D232" s="2" t="s">
        <v>633</v>
      </c>
      <c r="E232" s="4" t="s">
        <v>619</v>
      </c>
      <c r="F232" s="48"/>
      <c r="G232" s="4" t="s">
        <v>620</v>
      </c>
      <c r="H232" s="65"/>
      <c r="I232" s="65"/>
      <c r="J232" s="65"/>
      <c r="K232" s="4" t="s">
        <v>623</v>
      </c>
    </row>
    <row r="233" spans="1:11" ht="77.25" thickBot="1" x14ac:dyDescent="0.3">
      <c r="A233" s="48"/>
      <c r="B233" s="48"/>
      <c r="C233" s="2" t="s">
        <v>634</v>
      </c>
      <c r="D233" s="2" t="s">
        <v>635</v>
      </c>
      <c r="E233" s="18"/>
      <c r="F233" s="48"/>
      <c r="G233" s="18"/>
      <c r="H233" s="65"/>
      <c r="I233" s="65"/>
      <c r="J233" s="65"/>
      <c r="K233" s="18"/>
    </row>
    <row r="234" spans="1:11" ht="51.75" thickBot="1" x14ac:dyDescent="0.3">
      <c r="A234" s="48"/>
      <c r="B234" s="48"/>
      <c r="C234" s="2" t="s">
        <v>636</v>
      </c>
      <c r="D234" s="2" t="s">
        <v>637</v>
      </c>
      <c r="E234" s="4" t="s">
        <v>157</v>
      </c>
      <c r="F234" s="48"/>
      <c r="G234" s="4" t="s">
        <v>621</v>
      </c>
      <c r="H234" s="65"/>
      <c r="I234" s="65"/>
      <c r="J234" s="65"/>
      <c r="K234" s="4" t="s">
        <v>624</v>
      </c>
    </row>
    <row r="235" spans="1:11" ht="51.75" thickBot="1" x14ac:dyDescent="0.3">
      <c r="A235" s="48"/>
      <c r="B235" s="48"/>
      <c r="C235" s="2" t="s">
        <v>638</v>
      </c>
      <c r="D235" s="2" t="s">
        <v>639</v>
      </c>
      <c r="E235" s="19"/>
      <c r="F235" s="48"/>
      <c r="G235" s="19"/>
      <c r="H235" s="65"/>
      <c r="I235" s="65"/>
      <c r="J235" s="65"/>
      <c r="K235" s="18"/>
    </row>
    <row r="236" spans="1:11" ht="51.75" thickBot="1" x14ac:dyDescent="0.3">
      <c r="A236" s="48"/>
      <c r="B236" s="48"/>
      <c r="C236" s="2" t="s">
        <v>640</v>
      </c>
      <c r="D236" s="2" t="s">
        <v>641</v>
      </c>
      <c r="E236" s="19"/>
      <c r="F236" s="48"/>
      <c r="G236" s="19"/>
      <c r="H236" s="65"/>
      <c r="I236" s="65"/>
      <c r="J236" s="65"/>
      <c r="K236" s="4" t="s">
        <v>625</v>
      </c>
    </row>
    <row r="237" spans="1:11" ht="90" thickBot="1" x14ac:dyDescent="0.3">
      <c r="A237" s="48"/>
      <c r="B237" s="48"/>
      <c r="C237" s="2" t="s">
        <v>642</v>
      </c>
      <c r="D237" s="2" t="s">
        <v>643</v>
      </c>
      <c r="E237" s="19"/>
      <c r="F237" s="48"/>
      <c r="G237" s="19"/>
      <c r="H237" s="65"/>
      <c r="I237" s="65"/>
      <c r="J237" s="65"/>
      <c r="K237" s="18"/>
    </row>
    <row r="238" spans="1:11" ht="90" thickBot="1" x14ac:dyDescent="0.3">
      <c r="A238" s="48"/>
      <c r="B238" s="48"/>
      <c r="C238" s="2" t="s">
        <v>644</v>
      </c>
      <c r="D238" s="2" t="s">
        <v>645</v>
      </c>
      <c r="E238" s="19"/>
      <c r="F238" s="48"/>
      <c r="G238" s="19"/>
      <c r="H238" s="65"/>
      <c r="I238" s="65"/>
      <c r="J238" s="65"/>
      <c r="K238" s="4" t="s">
        <v>626</v>
      </c>
    </row>
    <row r="239" spans="1:11" ht="77.25" thickBot="1" x14ac:dyDescent="0.3">
      <c r="A239" s="48"/>
      <c r="B239" s="48"/>
      <c r="C239" s="2" t="s">
        <v>646</v>
      </c>
      <c r="D239" s="2" t="s">
        <v>647</v>
      </c>
      <c r="E239" s="19"/>
      <c r="F239" s="48"/>
      <c r="G239" s="19"/>
      <c r="H239" s="65"/>
      <c r="I239" s="65"/>
      <c r="J239" s="65"/>
      <c r="K239" s="18"/>
    </row>
    <row r="240" spans="1:11" ht="64.5" thickBot="1" x14ac:dyDescent="0.3">
      <c r="A240" s="48"/>
      <c r="B240" s="48"/>
      <c r="C240" s="2" t="s">
        <v>648</v>
      </c>
      <c r="D240" s="2" t="s">
        <v>649</v>
      </c>
      <c r="E240" s="19"/>
      <c r="F240" s="48"/>
      <c r="G240" s="19"/>
      <c r="H240" s="65"/>
      <c r="I240" s="65"/>
      <c r="J240" s="65"/>
      <c r="K240" s="4" t="s">
        <v>627</v>
      </c>
    </row>
    <row r="241" spans="1:11" ht="64.5" thickBot="1" x14ac:dyDescent="0.3">
      <c r="A241" s="48"/>
      <c r="B241" s="48"/>
      <c r="C241" s="2" t="s">
        <v>650</v>
      </c>
      <c r="D241" s="2" t="s">
        <v>651</v>
      </c>
      <c r="E241" s="19"/>
      <c r="F241" s="48"/>
      <c r="G241" s="19"/>
      <c r="H241" s="65"/>
      <c r="I241" s="65"/>
      <c r="J241" s="65"/>
      <c r="K241" s="18"/>
    </row>
    <row r="242" spans="1:11" ht="77.25" thickBot="1" x14ac:dyDescent="0.3">
      <c r="A242" s="48"/>
      <c r="B242" s="48"/>
      <c r="C242" s="2" t="s">
        <v>652</v>
      </c>
      <c r="D242" s="2" t="s">
        <v>653</v>
      </c>
      <c r="E242" s="19"/>
      <c r="F242" s="48"/>
      <c r="G242" s="19"/>
      <c r="H242" s="65"/>
      <c r="I242" s="65"/>
      <c r="J242" s="65"/>
      <c r="K242" s="4" t="s">
        <v>628</v>
      </c>
    </row>
    <row r="243" spans="1:11" ht="77.25" thickBot="1" x14ac:dyDescent="0.3">
      <c r="A243" s="48"/>
      <c r="B243" s="48"/>
      <c r="C243" s="2" t="s">
        <v>654</v>
      </c>
      <c r="D243" s="2" t="s">
        <v>655</v>
      </c>
      <c r="E243" s="19"/>
      <c r="F243" s="48"/>
      <c r="G243" s="19"/>
      <c r="H243" s="65"/>
      <c r="I243" s="65"/>
      <c r="J243" s="65"/>
      <c r="K243" s="18"/>
    </row>
    <row r="244" spans="1:11" ht="115.5" thickBot="1" x14ac:dyDescent="0.3">
      <c r="A244" s="48"/>
      <c r="B244" s="48"/>
      <c r="C244" s="2" t="s">
        <v>656</v>
      </c>
      <c r="D244" s="2" t="s">
        <v>657</v>
      </c>
      <c r="E244" s="19"/>
      <c r="F244" s="48"/>
      <c r="G244" s="19"/>
      <c r="H244" s="65"/>
      <c r="I244" s="65"/>
      <c r="J244" s="65"/>
      <c r="K244" s="4" t="s">
        <v>629</v>
      </c>
    </row>
    <row r="245" spans="1:11" ht="39" thickBot="1" x14ac:dyDescent="0.3">
      <c r="A245" s="48"/>
      <c r="B245" s="48"/>
      <c r="C245" s="2" t="s">
        <v>658</v>
      </c>
      <c r="D245" s="2" t="s">
        <v>659</v>
      </c>
      <c r="E245" s="19"/>
      <c r="F245" s="48"/>
      <c r="G245" s="19"/>
      <c r="H245" s="65"/>
      <c r="I245" s="65"/>
      <c r="J245" s="65"/>
      <c r="K245" s="18"/>
    </row>
    <row r="246" spans="1:11" ht="51.75" thickBot="1" x14ac:dyDescent="0.3">
      <c r="A246" s="48"/>
      <c r="B246" s="48"/>
      <c r="C246" s="2" t="s">
        <v>660</v>
      </c>
      <c r="D246" s="2" t="s">
        <v>661</v>
      </c>
      <c r="E246" s="19"/>
      <c r="F246" s="48"/>
      <c r="G246" s="19"/>
      <c r="H246" s="65"/>
      <c r="I246" s="65"/>
      <c r="J246" s="65"/>
      <c r="K246" s="4" t="s">
        <v>548</v>
      </c>
    </row>
    <row r="247" spans="1:11" ht="102.75" thickBot="1" x14ac:dyDescent="0.3">
      <c r="A247" s="48"/>
      <c r="B247" s="48"/>
      <c r="C247" s="2" t="s">
        <v>662</v>
      </c>
      <c r="D247" s="2" t="s">
        <v>663</v>
      </c>
      <c r="E247" s="19"/>
      <c r="F247" s="48"/>
      <c r="G247" s="19"/>
      <c r="H247" s="65"/>
      <c r="I247" s="65"/>
      <c r="J247" s="65"/>
      <c r="K247" s="18"/>
    </row>
    <row r="248" spans="1:11" ht="153.75" thickBot="1" x14ac:dyDescent="0.3">
      <c r="A248" s="48"/>
      <c r="B248" s="48"/>
      <c r="C248" s="2" t="s">
        <v>664</v>
      </c>
      <c r="D248" s="2" t="s">
        <v>665</v>
      </c>
      <c r="E248" s="19"/>
      <c r="F248" s="48"/>
      <c r="G248" s="19"/>
      <c r="H248" s="65"/>
      <c r="I248" s="65"/>
      <c r="J248" s="65"/>
      <c r="K248" s="4" t="s">
        <v>349</v>
      </c>
    </row>
    <row r="249" spans="1:11" ht="64.5" thickBot="1" x14ac:dyDescent="0.3">
      <c r="A249" s="48"/>
      <c r="B249" s="48"/>
      <c r="C249" s="2" t="s">
        <v>666</v>
      </c>
      <c r="D249" s="2" t="s">
        <v>667</v>
      </c>
      <c r="E249" s="19"/>
      <c r="F249" s="48"/>
      <c r="G249" s="19"/>
      <c r="H249" s="65"/>
      <c r="I249" s="65"/>
      <c r="J249" s="65"/>
      <c r="K249" s="19"/>
    </row>
    <row r="250" spans="1:11" ht="77.25" thickBot="1" x14ac:dyDescent="0.3">
      <c r="A250" s="48"/>
      <c r="B250" s="48"/>
      <c r="C250" s="2" t="s">
        <v>668</v>
      </c>
      <c r="D250" s="2" t="s">
        <v>669</v>
      </c>
      <c r="E250" s="19"/>
      <c r="F250" s="48"/>
      <c r="G250" s="19"/>
      <c r="H250" s="65"/>
      <c r="I250" s="65"/>
      <c r="J250" s="65"/>
      <c r="K250" s="19"/>
    </row>
    <row r="251" spans="1:11" ht="51.75" thickBot="1" x14ac:dyDescent="0.3">
      <c r="A251" s="48"/>
      <c r="B251" s="48"/>
      <c r="C251" s="2" t="s">
        <v>670</v>
      </c>
      <c r="D251" s="2" t="s">
        <v>671</v>
      </c>
      <c r="E251" s="19"/>
      <c r="F251" s="48"/>
      <c r="G251" s="19"/>
      <c r="H251" s="65"/>
      <c r="I251" s="65"/>
      <c r="J251" s="65"/>
      <c r="K251" s="19"/>
    </row>
    <row r="252" spans="1:11" ht="39" thickBot="1" x14ac:dyDescent="0.3">
      <c r="A252" s="48"/>
      <c r="B252" s="48"/>
      <c r="C252" s="2" t="s">
        <v>672</v>
      </c>
      <c r="D252" s="2" t="s">
        <v>673</v>
      </c>
      <c r="E252" s="19"/>
      <c r="F252" s="48"/>
      <c r="G252" s="19"/>
      <c r="H252" s="65"/>
      <c r="I252" s="65"/>
      <c r="J252" s="65"/>
      <c r="K252" s="19"/>
    </row>
    <row r="253" spans="1:11" ht="26.25" thickBot="1" x14ac:dyDescent="0.3">
      <c r="A253" s="48"/>
      <c r="B253" s="48"/>
      <c r="C253" s="2" t="s">
        <v>674</v>
      </c>
      <c r="D253" s="2" t="s">
        <v>675</v>
      </c>
      <c r="E253" s="19"/>
      <c r="F253" s="48"/>
      <c r="G253" s="19"/>
      <c r="H253" s="65"/>
      <c r="I253" s="65"/>
      <c r="J253" s="65"/>
      <c r="K253" s="19"/>
    </row>
    <row r="254" spans="1:11" ht="39" thickBot="1" x14ac:dyDescent="0.3">
      <c r="A254" s="48"/>
      <c r="B254" s="48"/>
      <c r="C254" s="2" t="s">
        <v>676</v>
      </c>
      <c r="D254" s="2" t="s">
        <v>677</v>
      </c>
      <c r="E254" s="19"/>
      <c r="F254" s="48"/>
      <c r="G254" s="19"/>
      <c r="H254" s="65"/>
      <c r="I254" s="65"/>
      <c r="J254" s="65"/>
      <c r="K254" s="19"/>
    </row>
    <row r="255" spans="1:11" ht="39" thickBot="1" x14ac:dyDescent="0.3">
      <c r="A255" s="58"/>
      <c r="B255" s="58"/>
      <c r="C255" s="2" t="s">
        <v>678</v>
      </c>
      <c r="D255" s="2" t="s">
        <v>679</v>
      </c>
      <c r="E255" s="22"/>
      <c r="F255" s="58"/>
      <c r="G255" s="22"/>
      <c r="H255" s="66"/>
      <c r="I255" s="66"/>
      <c r="J255" s="66"/>
      <c r="K255" s="22"/>
    </row>
    <row r="256" spans="1:11" ht="90" thickBot="1" x14ac:dyDescent="0.3">
      <c r="A256" s="55" t="s">
        <v>615</v>
      </c>
      <c r="B256" s="56" t="s">
        <v>680</v>
      </c>
      <c r="C256" s="2" t="s">
        <v>681</v>
      </c>
      <c r="D256" s="2" t="s">
        <v>682</v>
      </c>
      <c r="E256" s="56" t="s">
        <v>157</v>
      </c>
      <c r="F256" s="56" t="s">
        <v>158</v>
      </c>
      <c r="G256" s="56" t="s">
        <v>683</v>
      </c>
      <c r="H256" s="64" t="s">
        <v>16</v>
      </c>
      <c r="I256" s="64" t="s">
        <v>16</v>
      </c>
      <c r="J256" s="64" t="s">
        <v>16</v>
      </c>
      <c r="K256" s="4" t="s">
        <v>684</v>
      </c>
    </row>
    <row r="257" spans="1:11" ht="39" thickBot="1" x14ac:dyDescent="0.3">
      <c r="A257" s="45"/>
      <c r="B257" s="48"/>
      <c r="C257" s="2" t="s">
        <v>687</v>
      </c>
      <c r="D257" s="2" t="s">
        <v>688</v>
      </c>
      <c r="E257" s="48"/>
      <c r="F257" s="48"/>
      <c r="G257" s="48"/>
      <c r="H257" s="65"/>
      <c r="I257" s="65"/>
      <c r="J257" s="65"/>
      <c r="K257" s="18"/>
    </row>
    <row r="258" spans="1:11" ht="39" thickBot="1" x14ac:dyDescent="0.3">
      <c r="A258" s="45"/>
      <c r="B258" s="48"/>
      <c r="C258" s="2" t="s">
        <v>689</v>
      </c>
      <c r="D258" s="2" t="s">
        <v>690</v>
      </c>
      <c r="E258" s="48"/>
      <c r="F258" s="48"/>
      <c r="G258" s="48"/>
      <c r="H258" s="65"/>
      <c r="I258" s="65"/>
      <c r="J258" s="65"/>
      <c r="K258" s="4" t="s">
        <v>685</v>
      </c>
    </row>
    <row r="259" spans="1:11" ht="39" thickBot="1" x14ac:dyDescent="0.3">
      <c r="A259" s="45"/>
      <c r="B259" s="48"/>
      <c r="C259" s="2" t="s">
        <v>691</v>
      </c>
      <c r="D259" s="2" t="s">
        <v>692</v>
      </c>
      <c r="E259" s="48"/>
      <c r="F259" s="48"/>
      <c r="G259" s="48"/>
      <c r="H259" s="65"/>
      <c r="I259" s="65"/>
      <c r="J259" s="65"/>
      <c r="K259" s="18"/>
    </row>
    <row r="260" spans="1:11" ht="51.75" thickBot="1" x14ac:dyDescent="0.3">
      <c r="A260" s="45"/>
      <c r="B260" s="48"/>
      <c r="C260" s="2" t="s">
        <v>693</v>
      </c>
      <c r="D260" s="2" t="s">
        <v>694</v>
      </c>
      <c r="E260" s="48"/>
      <c r="F260" s="48"/>
      <c r="G260" s="48"/>
      <c r="H260" s="65"/>
      <c r="I260" s="65"/>
      <c r="J260" s="65"/>
      <c r="K260" s="4" t="s">
        <v>548</v>
      </c>
    </row>
    <row r="261" spans="1:11" ht="26.25" thickBot="1" x14ac:dyDescent="0.3">
      <c r="A261" s="45"/>
      <c r="B261" s="48"/>
      <c r="C261" s="2" t="s">
        <v>695</v>
      </c>
      <c r="D261" s="2" t="s">
        <v>696</v>
      </c>
      <c r="E261" s="48"/>
      <c r="F261" s="48"/>
      <c r="G261" s="48"/>
      <c r="H261" s="65"/>
      <c r="I261" s="65"/>
      <c r="J261" s="65"/>
      <c r="K261" s="18"/>
    </row>
    <row r="262" spans="1:11" ht="64.5" thickBot="1" x14ac:dyDescent="0.3">
      <c r="A262" s="57"/>
      <c r="B262" s="58"/>
      <c r="C262" s="2" t="s">
        <v>697</v>
      </c>
      <c r="D262" s="2" t="s">
        <v>698</v>
      </c>
      <c r="E262" s="58"/>
      <c r="F262" s="58"/>
      <c r="G262" s="58"/>
      <c r="H262" s="66"/>
      <c r="I262" s="66"/>
      <c r="J262" s="66"/>
      <c r="K262" s="23" t="s">
        <v>686</v>
      </c>
    </row>
    <row r="263" spans="1:11" ht="102" x14ac:dyDescent="0.25">
      <c r="A263" s="55" t="s">
        <v>615</v>
      </c>
      <c r="B263" s="56" t="s">
        <v>699</v>
      </c>
      <c r="C263" s="47" t="s">
        <v>700</v>
      </c>
      <c r="D263" s="47" t="s">
        <v>701</v>
      </c>
      <c r="E263" s="56" t="s">
        <v>157</v>
      </c>
      <c r="F263" s="56" t="s">
        <v>158</v>
      </c>
      <c r="G263" s="4" t="s">
        <v>702</v>
      </c>
      <c r="H263" s="64" t="s">
        <v>16</v>
      </c>
      <c r="I263" s="64" t="s">
        <v>16</v>
      </c>
      <c r="J263" s="61"/>
      <c r="K263" s="4" t="s">
        <v>705</v>
      </c>
    </row>
    <row r="264" spans="1:11" x14ac:dyDescent="0.25">
      <c r="A264" s="45"/>
      <c r="B264" s="48"/>
      <c r="C264" s="48"/>
      <c r="D264" s="48"/>
      <c r="E264" s="48"/>
      <c r="F264" s="48"/>
      <c r="G264" s="18"/>
      <c r="H264" s="65"/>
      <c r="I264" s="65"/>
      <c r="J264" s="62"/>
      <c r="K264" s="18"/>
    </row>
    <row r="265" spans="1:11" ht="51" x14ac:dyDescent="0.25">
      <c r="A265" s="45"/>
      <c r="B265" s="48"/>
      <c r="C265" s="48"/>
      <c r="D265" s="48"/>
      <c r="E265" s="48"/>
      <c r="F265" s="48"/>
      <c r="G265" s="4" t="s">
        <v>703</v>
      </c>
      <c r="H265" s="65"/>
      <c r="I265" s="65"/>
      <c r="J265" s="62"/>
      <c r="K265" s="4" t="s">
        <v>706</v>
      </c>
    </row>
    <row r="266" spans="1:11" ht="15.75" thickBot="1" x14ac:dyDescent="0.3">
      <c r="A266" s="45"/>
      <c r="B266" s="48"/>
      <c r="C266" s="49"/>
      <c r="D266" s="49"/>
      <c r="E266" s="48"/>
      <c r="F266" s="48"/>
      <c r="G266" s="18"/>
      <c r="H266" s="65"/>
      <c r="I266" s="65"/>
      <c r="J266" s="62"/>
      <c r="K266" s="18"/>
    </row>
    <row r="267" spans="1:11" ht="77.25" thickBot="1" x14ac:dyDescent="0.3">
      <c r="A267" s="45"/>
      <c r="B267" s="48"/>
      <c r="C267" s="2" t="s">
        <v>708</v>
      </c>
      <c r="D267" s="2" t="s">
        <v>709</v>
      </c>
      <c r="E267" s="48"/>
      <c r="F267" s="48"/>
      <c r="G267" s="4" t="s">
        <v>704</v>
      </c>
      <c r="H267" s="65"/>
      <c r="I267" s="65"/>
      <c r="J267" s="62"/>
      <c r="K267" s="4" t="s">
        <v>420</v>
      </c>
    </row>
    <row r="268" spans="1:11" ht="77.25" thickBot="1" x14ac:dyDescent="0.3">
      <c r="A268" s="45"/>
      <c r="B268" s="48"/>
      <c r="C268" s="2" t="s">
        <v>710</v>
      </c>
      <c r="D268" s="2" t="s">
        <v>711</v>
      </c>
      <c r="E268" s="48"/>
      <c r="F268" s="48"/>
      <c r="G268" s="19"/>
      <c r="H268" s="65"/>
      <c r="I268" s="65"/>
      <c r="J268" s="62"/>
      <c r="K268" s="18"/>
    </row>
    <row r="269" spans="1:11" ht="51.75" thickBot="1" x14ac:dyDescent="0.3">
      <c r="A269" s="57"/>
      <c r="B269" s="58"/>
      <c r="C269" s="2" t="s">
        <v>712</v>
      </c>
      <c r="D269" s="2" t="s">
        <v>713</v>
      </c>
      <c r="E269" s="58"/>
      <c r="F269" s="58"/>
      <c r="G269" s="22"/>
      <c r="H269" s="66"/>
      <c r="I269" s="66"/>
      <c r="J269" s="63"/>
      <c r="K269" s="23" t="s">
        <v>707</v>
      </c>
    </row>
    <row r="270" spans="1:11" ht="38.25" x14ac:dyDescent="0.25">
      <c r="A270" s="55" t="s">
        <v>615</v>
      </c>
      <c r="B270" s="56" t="s">
        <v>714</v>
      </c>
      <c r="C270" s="47" t="s">
        <v>715</v>
      </c>
      <c r="D270" s="47" t="s">
        <v>716</v>
      </c>
      <c r="E270" s="56" t="s">
        <v>157</v>
      </c>
      <c r="F270" s="56" t="s">
        <v>158</v>
      </c>
      <c r="G270" s="56" t="s">
        <v>717</v>
      </c>
      <c r="H270" s="53" t="s">
        <v>16</v>
      </c>
      <c r="I270" s="53" t="s">
        <v>16</v>
      </c>
      <c r="J270" s="59"/>
      <c r="K270" s="4" t="s">
        <v>178</v>
      </c>
    </row>
    <row r="271" spans="1:11" x14ac:dyDescent="0.25">
      <c r="A271" s="45"/>
      <c r="B271" s="48"/>
      <c r="C271" s="48"/>
      <c r="D271" s="48"/>
      <c r="E271" s="48"/>
      <c r="F271" s="48"/>
      <c r="G271" s="48"/>
      <c r="H271" s="42"/>
      <c r="I271" s="42"/>
      <c r="J271" s="51"/>
      <c r="K271" s="18"/>
    </row>
    <row r="272" spans="1:11" ht="38.25" x14ac:dyDescent="0.25">
      <c r="A272" s="45"/>
      <c r="B272" s="48"/>
      <c r="C272" s="48"/>
      <c r="D272" s="48"/>
      <c r="E272" s="48"/>
      <c r="F272" s="48"/>
      <c r="G272" s="48"/>
      <c r="H272" s="42"/>
      <c r="I272" s="42"/>
      <c r="J272" s="51"/>
      <c r="K272" s="4" t="s">
        <v>179</v>
      </c>
    </row>
    <row r="273" spans="1:11" ht="15.75" thickBot="1" x14ac:dyDescent="0.3">
      <c r="A273" s="45"/>
      <c r="B273" s="48"/>
      <c r="C273" s="49"/>
      <c r="D273" s="49"/>
      <c r="E273" s="48"/>
      <c r="F273" s="48"/>
      <c r="G273" s="48"/>
      <c r="H273" s="42"/>
      <c r="I273" s="42"/>
      <c r="J273" s="51"/>
      <c r="K273" s="18"/>
    </row>
    <row r="274" spans="1:11" ht="26.25" thickBot="1" x14ac:dyDescent="0.3">
      <c r="A274" s="57"/>
      <c r="B274" s="58"/>
      <c r="C274" s="2" t="s">
        <v>715</v>
      </c>
      <c r="D274" s="2" t="s">
        <v>716</v>
      </c>
      <c r="E274" s="58"/>
      <c r="F274" s="58"/>
      <c r="G274" s="58"/>
      <c r="H274" s="54"/>
      <c r="I274" s="54"/>
      <c r="J274" s="60"/>
      <c r="K274" s="23" t="s">
        <v>180</v>
      </c>
    </row>
    <row r="275" spans="1:11" ht="63.75" x14ac:dyDescent="0.25">
      <c r="A275" s="55" t="s">
        <v>615</v>
      </c>
      <c r="B275" s="56" t="s">
        <v>718</v>
      </c>
      <c r="C275" s="47" t="s">
        <v>719</v>
      </c>
      <c r="D275" s="47" t="s">
        <v>720</v>
      </c>
      <c r="E275" s="56" t="s">
        <v>157</v>
      </c>
      <c r="F275" s="56" t="s">
        <v>339</v>
      </c>
      <c r="G275" s="4" t="s">
        <v>721</v>
      </c>
      <c r="H275" s="53" t="s">
        <v>16</v>
      </c>
      <c r="I275" s="53" t="s">
        <v>16</v>
      </c>
      <c r="J275" s="53" t="s">
        <v>16</v>
      </c>
      <c r="K275" s="4" t="s">
        <v>724</v>
      </c>
    </row>
    <row r="276" spans="1:11" x14ac:dyDescent="0.25">
      <c r="A276" s="45"/>
      <c r="B276" s="48"/>
      <c r="C276" s="48"/>
      <c r="D276" s="48"/>
      <c r="E276" s="48"/>
      <c r="F276" s="48"/>
      <c r="G276" s="18"/>
      <c r="H276" s="42"/>
      <c r="I276" s="42"/>
      <c r="J276" s="42"/>
      <c r="K276" s="18"/>
    </row>
    <row r="277" spans="1:11" ht="38.25" x14ac:dyDescent="0.25">
      <c r="A277" s="45"/>
      <c r="B277" s="48"/>
      <c r="C277" s="48"/>
      <c r="D277" s="48"/>
      <c r="E277" s="48"/>
      <c r="F277" s="48"/>
      <c r="G277" s="4" t="s">
        <v>722</v>
      </c>
      <c r="H277" s="42"/>
      <c r="I277" s="42"/>
      <c r="J277" s="42"/>
      <c r="K277" s="4" t="s">
        <v>624</v>
      </c>
    </row>
    <row r="278" spans="1:11" ht="15.75" thickBot="1" x14ac:dyDescent="0.3">
      <c r="A278" s="45"/>
      <c r="B278" s="48"/>
      <c r="C278" s="49"/>
      <c r="D278" s="49"/>
      <c r="E278" s="48"/>
      <c r="F278" s="48"/>
      <c r="G278" s="18"/>
      <c r="H278" s="42"/>
      <c r="I278" s="42"/>
      <c r="J278" s="42"/>
      <c r="K278" s="18"/>
    </row>
    <row r="279" spans="1:11" ht="39" thickBot="1" x14ac:dyDescent="0.3">
      <c r="A279" s="45"/>
      <c r="B279" s="48"/>
      <c r="C279" s="2" t="s">
        <v>727</v>
      </c>
      <c r="D279" s="2" t="s">
        <v>728</v>
      </c>
      <c r="E279" s="48"/>
      <c r="F279" s="48"/>
      <c r="G279" s="4" t="s">
        <v>723</v>
      </c>
      <c r="H279" s="42"/>
      <c r="I279" s="42"/>
      <c r="J279" s="42"/>
      <c r="K279" s="4" t="s">
        <v>625</v>
      </c>
    </row>
    <row r="280" spans="1:11" ht="39" thickBot="1" x14ac:dyDescent="0.3">
      <c r="A280" s="45"/>
      <c r="B280" s="48"/>
      <c r="C280" s="2" t="s">
        <v>729</v>
      </c>
      <c r="D280" s="2" t="s">
        <v>730</v>
      </c>
      <c r="E280" s="48"/>
      <c r="F280" s="48"/>
      <c r="G280" s="19"/>
      <c r="H280" s="42"/>
      <c r="I280" s="42"/>
      <c r="J280" s="42"/>
      <c r="K280" s="18"/>
    </row>
    <row r="281" spans="1:11" ht="39" thickBot="1" x14ac:dyDescent="0.3">
      <c r="A281" s="45"/>
      <c r="B281" s="48"/>
      <c r="C281" s="2" t="s">
        <v>731</v>
      </c>
      <c r="D281" s="2" t="s">
        <v>732</v>
      </c>
      <c r="E281" s="48"/>
      <c r="F281" s="48"/>
      <c r="G281" s="19"/>
      <c r="H281" s="42"/>
      <c r="I281" s="42"/>
      <c r="J281" s="42"/>
      <c r="K281" s="4" t="s">
        <v>626</v>
      </c>
    </row>
    <row r="282" spans="1:11" ht="39" thickBot="1" x14ac:dyDescent="0.3">
      <c r="A282" s="45"/>
      <c r="B282" s="48"/>
      <c r="C282" s="2" t="s">
        <v>733</v>
      </c>
      <c r="D282" s="2" t="s">
        <v>734</v>
      </c>
      <c r="E282" s="48"/>
      <c r="F282" s="48"/>
      <c r="G282" s="19"/>
      <c r="H282" s="42"/>
      <c r="I282" s="42"/>
      <c r="J282" s="42"/>
      <c r="K282" s="18"/>
    </row>
    <row r="283" spans="1:11" ht="64.5" thickBot="1" x14ac:dyDescent="0.3">
      <c r="A283" s="45"/>
      <c r="B283" s="48"/>
      <c r="C283" s="2" t="s">
        <v>735</v>
      </c>
      <c r="D283" s="2" t="s">
        <v>736</v>
      </c>
      <c r="E283" s="48"/>
      <c r="F283" s="48"/>
      <c r="G283" s="19"/>
      <c r="H283" s="42"/>
      <c r="I283" s="42"/>
      <c r="J283" s="42"/>
      <c r="K283" s="4" t="s">
        <v>725</v>
      </c>
    </row>
    <row r="284" spans="1:11" ht="39" thickBot="1" x14ac:dyDescent="0.3">
      <c r="A284" s="45"/>
      <c r="B284" s="48"/>
      <c r="C284" s="2" t="s">
        <v>737</v>
      </c>
      <c r="D284" s="2" t="s">
        <v>738</v>
      </c>
      <c r="E284" s="48"/>
      <c r="F284" s="48"/>
      <c r="G284" s="19"/>
      <c r="H284" s="42"/>
      <c r="I284" s="42"/>
      <c r="J284" s="42"/>
      <c r="K284" s="18"/>
    </row>
    <row r="285" spans="1:11" ht="51.75" thickBot="1" x14ac:dyDescent="0.3">
      <c r="A285" s="45"/>
      <c r="B285" s="48"/>
      <c r="C285" s="2" t="s">
        <v>739</v>
      </c>
      <c r="D285" s="2" t="s">
        <v>740</v>
      </c>
      <c r="E285" s="48"/>
      <c r="F285" s="48"/>
      <c r="G285" s="19"/>
      <c r="H285" s="42"/>
      <c r="I285" s="42"/>
      <c r="J285" s="42"/>
      <c r="K285" s="4" t="s">
        <v>548</v>
      </c>
    </row>
    <row r="286" spans="1:11" ht="26.25" thickBot="1" x14ac:dyDescent="0.3">
      <c r="A286" s="45"/>
      <c r="B286" s="48"/>
      <c r="C286" s="2" t="s">
        <v>741</v>
      </c>
      <c r="D286" s="2" t="s">
        <v>742</v>
      </c>
      <c r="E286" s="48"/>
      <c r="F286" s="48"/>
      <c r="G286" s="19"/>
      <c r="H286" s="42"/>
      <c r="I286" s="42"/>
      <c r="J286" s="42"/>
      <c r="K286" s="18"/>
    </row>
    <row r="287" spans="1:11" ht="115.5" thickBot="1" x14ac:dyDescent="0.3">
      <c r="A287" s="57"/>
      <c r="B287" s="58"/>
      <c r="C287" s="2" t="s">
        <v>743</v>
      </c>
      <c r="D287" s="2" t="s">
        <v>744</v>
      </c>
      <c r="E287" s="58"/>
      <c r="F287" s="58"/>
      <c r="G287" s="22"/>
      <c r="H287" s="54"/>
      <c r="I287" s="54"/>
      <c r="J287" s="54"/>
      <c r="K287" s="23" t="s">
        <v>726</v>
      </c>
    </row>
    <row r="288" spans="1:11" ht="77.25" thickBot="1" x14ac:dyDescent="0.3">
      <c r="A288" s="55" t="s">
        <v>615</v>
      </c>
      <c r="B288" s="56" t="s">
        <v>745</v>
      </c>
      <c r="C288" s="24"/>
      <c r="D288" s="24"/>
      <c r="E288" s="56" t="s">
        <v>157</v>
      </c>
      <c r="F288" s="56" t="s">
        <v>746</v>
      </c>
      <c r="G288" s="4" t="s">
        <v>747</v>
      </c>
      <c r="H288" s="53" t="s">
        <v>16</v>
      </c>
      <c r="I288" s="53" t="s">
        <v>16</v>
      </c>
      <c r="J288" s="53" t="s">
        <v>16</v>
      </c>
      <c r="K288" s="4" t="s">
        <v>751</v>
      </c>
    </row>
    <row r="289" spans="1:11" ht="39" thickBot="1" x14ac:dyDescent="0.3">
      <c r="A289" s="45"/>
      <c r="B289" s="48"/>
      <c r="C289" s="2" t="s">
        <v>753</v>
      </c>
      <c r="D289" s="2" t="s">
        <v>754</v>
      </c>
      <c r="E289" s="48"/>
      <c r="F289" s="48"/>
      <c r="G289" s="18"/>
      <c r="H289" s="42"/>
      <c r="I289" s="42"/>
      <c r="J289" s="42"/>
      <c r="K289" s="18"/>
    </row>
    <row r="290" spans="1:11" ht="39" thickBot="1" x14ac:dyDescent="0.3">
      <c r="A290" s="45"/>
      <c r="B290" s="48"/>
      <c r="C290" s="2" t="s">
        <v>755</v>
      </c>
      <c r="D290" s="2" t="s">
        <v>756</v>
      </c>
      <c r="E290" s="48"/>
      <c r="F290" s="48"/>
      <c r="G290" s="4" t="s">
        <v>748</v>
      </c>
      <c r="H290" s="42"/>
      <c r="I290" s="42"/>
      <c r="J290" s="42"/>
      <c r="K290" s="4" t="s">
        <v>624</v>
      </c>
    </row>
    <row r="291" spans="1:11" ht="26.25" thickBot="1" x14ac:dyDescent="0.3">
      <c r="A291" s="45"/>
      <c r="B291" s="48"/>
      <c r="C291" s="2" t="s">
        <v>757</v>
      </c>
      <c r="D291" s="2" t="s">
        <v>758</v>
      </c>
      <c r="E291" s="48"/>
      <c r="F291" s="48"/>
      <c r="G291" s="18"/>
      <c r="H291" s="42"/>
      <c r="I291" s="42"/>
      <c r="J291" s="42"/>
      <c r="K291" s="18"/>
    </row>
    <row r="292" spans="1:11" ht="39" thickBot="1" x14ac:dyDescent="0.3">
      <c r="A292" s="45"/>
      <c r="B292" s="48"/>
      <c r="C292" s="2" t="s">
        <v>759</v>
      </c>
      <c r="D292" s="2" t="s">
        <v>760</v>
      </c>
      <c r="E292" s="48"/>
      <c r="F292" s="48"/>
      <c r="G292" s="4" t="s">
        <v>749</v>
      </c>
      <c r="H292" s="42"/>
      <c r="I292" s="42"/>
      <c r="J292" s="42"/>
      <c r="K292" s="4" t="s">
        <v>625</v>
      </c>
    </row>
    <row r="293" spans="1:11" ht="39" thickBot="1" x14ac:dyDescent="0.3">
      <c r="A293" s="45"/>
      <c r="B293" s="48"/>
      <c r="C293" s="2" t="s">
        <v>761</v>
      </c>
      <c r="D293" s="2" t="s">
        <v>762</v>
      </c>
      <c r="E293" s="48"/>
      <c r="F293" s="48"/>
      <c r="G293" s="18"/>
      <c r="H293" s="42"/>
      <c r="I293" s="42"/>
      <c r="J293" s="42"/>
      <c r="K293" s="18"/>
    </row>
    <row r="294" spans="1:11" ht="39" thickBot="1" x14ac:dyDescent="0.3">
      <c r="A294" s="45"/>
      <c r="B294" s="48"/>
      <c r="C294" s="2" t="s">
        <v>763</v>
      </c>
      <c r="D294" s="2" t="s">
        <v>764</v>
      </c>
      <c r="E294" s="48"/>
      <c r="F294" s="48"/>
      <c r="G294" s="4" t="s">
        <v>750</v>
      </c>
      <c r="H294" s="42"/>
      <c r="I294" s="42"/>
      <c r="J294" s="42"/>
      <c r="K294" s="4" t="s">
        <v>626</v>
      </c>
    </row>
    <row r="295" spans="1:11" ht="26.25" thickBot="1" x14ac:dyDescent="0.3">
      <c r="A295" s="45"/>
      <c r="B295" s="48"/>
      <c r="C295" s="2" t="s">
        <v>765</v>
      </c>
      <c r="D295" s="2" t="s">
        <v>766</v>
      </c>
      <c r="E295" s="48"/>
      <c r="F295" s="48"/>
      <c r="G295" s="19"/>
      <c r="H295" s="42"/>
      <c r="I295" s="42"/>
      <c r="J295" s="42"/>
      <c r="K295" s="18"/>
    </row>
    <row r="296" spans="1:11" ht="64.5" thickBot="1" x14ac:dyDescent="0.3">
      <c r="A296" s="45"/>
      <c r="B296" s="48"/>
      <c r="C296" s="2" t="s">
        <v>767</v>
      </c>
      <c r="D296" s="2" t="s">
        <v>768</v>
      </c>
      <c r="E296" s="48"/>
      <c r="F296" s="48"/>
      <c r="G296" s="19"/>
      <c r="H296" s="42"/>
      <c r="I296" s="42"/>
      <c r="J296" s="42"/>
      <c r="K296" s="4" t="s">
        <v>725</v>
      </c>
    </row>
    <row r="297" spans="1:11" ht="26.25" thickBot="1" x14ac:dyDescent="0.3">
      <c r="A297" s="45"/>
      <c r="B297" s="48"/>
      <c r="C297" s="2" t="s">
        <v>769</v>
      </c>
      <c r="D297" s="2" t="s">
        <v>770</v>
      </c>
      <c r="E297" s="48"/>
      <c r="F297" s="48"/>
      <c r="G297" s="19"/>
      <c r="H297" s="42"/>
      <c r="I297" s="42"/>
      <c r="J297" s="42"/>
      <c r="K297" s="18"/>
    </row>
    <row r="298" spans="1:11" ht="51.75" thickBot="1" x14ac:dyDescent="0.3">
      <c r="A298" s="45"/>
      <c r="B298" s="48"/>
      <c r="C298" s="2" t="s">
        <v>771</v>
      </c>
      <c r="D298" s="2" t="s">
        <v>772</v>
      </c>
      <c r="E298" s="48"/>
      <c r="F298" s="48"/>
      <c r="G298" s="19"/>
      <c r="H298" s="42"/>
      <c r="I298" s="42"/>
      <c r="J298" s="42"/>
      <c r="K298" s="4" t="s">
        <v>548</v>
      </c>
    </row>
    <row r="299" spans="1:11" ht="26.25" thickBot="1" x14ac:dyDescent="0.3">
      <c r="A299" s="45"/>
      <c r="B299" s="48"/>
      <c r="C299" s="2" t="s">
        <v>773</v>
      </c>
      <c r="D299" s="2" t="s">
        <v>774</v>
      </c>
      <c r="E299" s="48"/>
      <c r="F299" s="48"/>
      <c r="G299" s="19"/>
      <c r="H299" s="42"/>
      <c r="I299" s="42"/>
      <c r="J299" s="42"/>
      <c r="K299" s="18"/>
    </row>
    <row r="300" spans="1:11" ht="115.5" thickBot="1" x14ac:dyDescent="0.3">
      <c r="A300" s="45"/>
      <c r="B300" s="48"/>
      <c r="C300" s="2" t="s">
        <v>775</v>
      </c>
      <c r="D300" s="2" t="s">
        <v>776</v>
      </c>
      <c r="E300" s="48"/>
      <c r="F300" s="48"/>
      <c r="G300" s="19"/>
      <c r="H300" s="42"/>
      <c r="I300" s="42"/>
      <c r="J300" s="42"/>
      <c r="K300" s="4" t="s">
        <v>752</v>
      </c>
    </row>
    <row r="301" spans="1:11" ht="39" thickBot="1" x14ac:dyDescent="0.3">
      <c r="A301" s="45"/>
      <c r="B301" s="48"/>
      <c r="C301" s="2" t="s">
        <v>777</v>
      </c>
      <c r="D301" s="2" t="s">
        <v>778</v>
      </c>
      <c r="E301" s="48"/>
      <c r="F301" s="48"/>
      <c r="G301" s="19"/>
      <c r="H301" s="42"/>
      <c r="I301" s="42"/>
      <c r="J301" s="42"/>
      <c r="K301" s="19"/>
    </row>
    <row r="302" spans="1:11" ht="39" thickBot="1" x14ac:dyDescent="0.3">
      <c r="A302" s="45"/>
      <c r="B302" s="48"/>
      <c r="C302" s="2" t="s">
        <v>779</v>
      </c>
      <c r="D302" s="2" t="s">
        <v>780</v>
      </c>
      <c r="E302" s="48"/>
      <c r="F302" s="48"/>
      <c r="G302" s="19"/>
      <c r="H302" s="42"/>
      <c r="I302" s="42"/>
      <c r="J302" s="42"/>
      <c r="K302" s="19"/>
    </row>
    <row r="303" spans="1:11" ht="51.75" thickBot="1" x14ac:dyDescent="0.3">
      <c r="A303" s="45"/>
      <c r="B303" s="48"/>
      <c r="C303" s="2" t="s">
        <v>781</v>
      </c>
      <c r="D303" s="2" t="s">
        <v>782</v>
      </c>
      <c r="E303" s="48"/>
      <c r="F303" s="48"/>
      <c r="G303" s="19"/>
      <c r="H303" s="42"/>
      <c r="I303" s="42"/>
      <c r="J303" s="42"/>
      <c r="K303" s="19"/>
    </row>
    <row r="304" spans="1:11" ht="51.75" thickBot="1" x14ac:dyDescent="0.3">
      <c r="A304" s="45"/>
      <c r="B304" s="48"/>
      <c r="C304" s="2" t="s">
        <v>783</v>
      </c>
      <c r="D304" s="2" t="s">
        <v>784</v>
      </c>
      <c r="E304" s="48"/>
      <c r="F304" s="48"/>
      <c r="G304" s="19"/>
      <c r="H304" s="42"/>
      <c r="I304" s="42"/>
      <c r="J304" s="42"/>
      <c r="K304" s="19"/>
    </row>
    <row r="305" spans="1:11" ht="51.75" thickBot="1" x14ac:dyDescent="0.3">
      <c r="A305" s="45"/>
      <c r="B305" s="48"/>
      <c r="C305" s="2" t="s">
        <v>785</v>
      </c>
      <c r="D305" s="2" t="s">
        <v>786</v>
      </c>
      <c r="E305" s="48"/>
      <c r="F305" s="48"/>
      <c r="G305" s="19"/>
      <c r="H305" s="42"/>
      <c r="I305" s="42"/>
      <c r="J305" s="42"/>
      <c r="K305" s="19"/>
    </row>
    <row r="306" spans="1:11" ht="39" thickBot="1" x14ac:dyDescent="0.3">
      <c r="A306" s="45"/>
      <c r="B306" s="48"/>
      <c r="C306" s="2" t="s">
        <v>787</v>
      </c>
      <c r="D306" s="2" t="s">
        <v>788</v>
      </c>
      <c r="E306" s="48"/>
      <c r="F306" s="48"/>
      <c r="G306" s="19"/>
      <c r="H306" s="42"/>
      <c r="I306" s="42"/>
      <c r="J306" s="42"/>
      <c r="K306" s="19"/>
    </row>
    <row r="307" spans="1:11" ht="15.75" thickBot="1" x14ac:dyDescent="0.3">
      <c r="A307" s="45"/>
      <c r="B307" s="48"/>
      <c r="C307" s="24"/>
      <c r="D307" s="24"/>
      <c r="E307" s="48"/>
      <c r="F307" s="48"/>
      <c r="G307" s="19"/>
      <c r="H307" s="42"/>
      <c r="I307" s="42"/>
      <c r="J307" s="42"/>
      <c r="K307" s="19"/>
    </row>
    <row r="308" spans="1:11" ht="39" thickBot="1" x14ac:dyDescent="0.3">
      <c r="A308" s="57"/>
      <c r="B308" s="58"/>
      <c r="C308" s="2" t="s">
        <v>789</v>
      </c>
      <c r="D308" s="2" t="s">
        <v>790</v>
      </c>
      <c r="E308" s="58"/>
      <c r="F308" s="58"/>
      <c r="G308" s="22"/>
      <c r="H308" s="54"/>
      <c r="I308" s="54"/>
      <c r="J308" s="54"/>
      <c r="K308" s="22"/>
    </row>
    <row r="309" spans="1:11" ht="38.25" x14ac:dyDescent="0.25">
      <c r="A309" s="55" t="s">
        <v>615</v>
      </c>
      <c r="B309" s="56" t="s">
        <v>791</v>
      </c>
      <c r="C309" s="47" t="s">
        <v>589</v>
      </c>
      <c r="D309" s="47" t="s">
        <v>792</v>
      </c>
      <c r="E309" s="56" t="s">
        <v>157</v>
      </c>
      <c r="F309" s="56" t="s">
        <v>746</v>
      </c>
      <c r="G309" s="56" t="s">
        <v>793</v>
      </c>
      <c r="H309" s="53" t="s">
        <v>16</v>
      </c>
      <c r="I309" s="53" t="s">
        <v>16</v>
      </c>
      <c r="J309" s="53" t="s">
        <v>16</v>
      </c>
      <c r="K309" s="4" t="s">
        <v>794</v>
      </c>
    </row>
    <row r="310" spans="1:11" x14ac:dyDescent="0.25">
      <c r="A310" s="45"/>
      <c r="B310" s="48"/>
      <c r="C310" s="48"/>
      <c r="D310" s="48"/>
      <c r="E310" s="48"/>
      <c r="F310" s="48"/>
      <c r="G310" s="48"/>
      <c r="H310" s="42"/>
      <c r="I310" s="42"/>
      <c r="J310" s="42"/>
      <c r="K310" s="18"/>
    </row>
    <row r="311" spans="1:11" ht="38.25" x14ac:dyDescent="0.25">
      <c r="A311" s="45"/>
      <c r="B311" s="48"/>
      <c r="C311" s="48"/>
      <c r="D311" s="48"/>
      <c r="E311" s="48"/>
      <c r="F311" s="48"/>
      <c r="G311" s="48"/>
      <c r="H311" s="42"/>
      <c r="I311" s="42"/>
      <c r="J311" s="42"/>
      <c r="K311" s="4" t="s">
        <v>795</v>
      </c>
    </row>
    <row r="312" spans="1:11" x14ac:dyDescent="0.25">
      <c r="A312" s="45"/>
      <c r="B312" s="48"/>
      <c r="C312" s="48"/>
      <c r="D312" s="48"/>
      <c r="E312" s="48"/>
      <c r="F312" s="48"/>
      <c r="G312" s="48"/>
      <c r="H312" s="42"/>
      <c r="I312" s="42"/>
      <c r="J312" s="42"/>
      <c r="K312" s="18"/>
    </row>
    <row r="313" spans="1:11" ht="51" x14ac:dyDescent="0.25">
      <c r="A313" s="45"/>
      <c r="B313" s="48"/>
      <c r="C313" s="48"/>
      <c r="D313" s="48"/>
      <c r="E313" s="48"/>
      <c r="F313" s="48"/>
      <c r="G313" s="48"/>
      <c r="H313" s="42"/>
      <c r="I313" s="42"/>
      <c r="J313" s="42"/>
      <c r="K313" s="4" t="s">
        <v>548</v>
      </c>
    </row>
    <row r="314" spans="1:11" x14ac:dyDescent="0.25">
      <c r="A314" s="45"/>
      <c r="B314" s="48"/>
      <c r="C314" s="48"/>
      <c r="D314" s="48"/>
      <c r="E314" s="48"/>
      <c r="F314" s="48"/>
      <c r="G314" s="48"/>
      <c r="H314" s="42"/>
      <c r="I314" s="42"/>
      <c r="J314" s="42"/>
      <c r="K314" s="18"/>
    </row>
    <row r="315" spans="1:11" ht="102.75" thickBot="1" x14ac:dyDescent="0.3">
      <c r="A315" s="46"/>
      <c r="B315" s="49"/>
      <c r="C315" s="49"/>
      <c r="D315" s="49"/>
      <c r="E315" s="49"/>
      <c r="F315" s="49"/>
      <c r="G315" s="49"/>
      <c r="H315" s="43"/>
      <c r="I315" s="43"/>
      <c r="J315" s="43"/>
      <c r="K315" s="2" t="s">
        <v>796</v>
      </c>
    </row>
    <row r="316" spans="1:11" ht="102" x14ac:dyDescent="0.25">
      <c r="A316" s="44" t="s">
        <v>615</v>
      </c>
      <c r="B316" s="47" t="s">
        <v>797</v>
      </c>
      <c r="C316" s="47" t="s">
        <v>798</v>
      </c>
      <c r="D316" s="47" t="s">
        <v>799</v>
      </c>
      <c r="E316" s="4" t="s">
        <v>516</v>
      </c>
      <c r="F316" s="47" t="s">
        <v>158</v>
      </c>
      <c r="G316" s="4" t="s">
        <v>480</v>
      </c>
      <c r="H316" s="41" t="s">
        <v>16</v>
      </c>
      <c r="I316" s="41" t="s">
        <v>16</v>
      </c>
      <c r="J316" s="41" t="s">
        <v>16</v>
      </c>
      <c r="K316" s="4" t="s">
        <v>808</v>
      </c>
    </row>
    <row r="317" spans="1:11" x14ac:dyDescent="0.25">
      <c r="A317" s="45"/>
      <c r="B317" s="48"/>
      <c r="C317" s="48"/>
      <c r="D317" s="48"/>
      <c r="E317" s="18"/>
      <c r="F317" s="48"/>
      <c r="G317" s="18"/>
      <c r="H317" s="42"/>
      <c r="I317" s="42"/>
      <c r="J317" s="42"/>
      <c r="K317" s="18"/>
    </row>
    <row r="318" spans="1:11" ht="38.25" x14ac:dyDescent="0.25">
      <c r="A318" s="45"/>
      <c r="B318" s="48"/>
      <c r="C318" s="48"/>
      <c r="D318" s="48"/>
      <c r="E318" s="4" t="s">
        <v>157</v>
      </c>
      <c r="F318" s="48"/>
      <c r="G318" s="4" t="s">
        <v>800</v>
      </c>
      <c r="H318" s="42"/>
      <c r="I318" s="42"/>
      <c r="J318" s="42"/>
      <c r="K318" s="4" t="s">
        <v>489</v>
      </c>
    </row>
    <row r="319" spans="1:11" x14ac:dyDescent="0.25">
      <c r="A319" s="45"/>
      <c r="B319" s="48"/>
      <c r="C319" s="48"/>
      <c r="D319" s="48"/>
      <c r="E319" s="19"/>
      <c r="F319" s="48"/>
      <c r="G319" s="18"/>
      <c r="H319" s="42"/>
      <c r="I319" s="42"/>
      <c r="J319" s="42"/>
      <c r="K319" s="18"/>
    </row>
    <row r="320" spans="1:11" ht="51" x14ac:dyDescent="0.25">
      <c r="A320" s="45"/>
      <c r="B320" s="48"/>
      <c r="C320" s="48"/>
      <c r="D320" s="48"/>
      <c r="E320" s="19"/>
      <c r="F320" s="48"/>
      <c r="G320" s="4" t="s">
        <v>801</v>
      </c>
      <c r="H320" s="42"/>
      <c r="I320" s="42"/>
      <c r="J320" s="42"/>
      <c r="K320" s="4" t="s">
        <v>548</v>
      </c>
    </row>
    <row r="321" spans="1:11" x14ac:dyDescent="0.25">
      <c r="A321" s="45"/>
      <c r="B321" s="48"/>
      <c r="C321" s="48"/>
      <c r="D321" s="48"/>
      <c r="E321" s="19"/>
      <c r="F321" s="48"/>
      <c r="G321" s="18"/>
      <c r="H321" s="42"/>
      <c r="I321" s="42"/>
      <c r="J321" s="42"/>
      <c r="K321" s="18"/>
    </row>
    <row r="322" spans="1:11" ht="89.25" x14ac:dyDescent="0.25">
      <c r="A322" s="45"/>
      <c r="B322" s="48"/>
      <c r="C322" s="48"/>
      <c r="D322" s="48"/>
      <c r="E322" s="19"/>
      <c r="F322" s="48"/>
      <c r="G322" s="4" t="s">
        <v>802</v>
      </c>
      <c r="H322" s="42"/>
      <c r="I322" s="42"/>
      <c r="J322" s="42"/>
      <c r="K322" s="4" t="s">
        <v>809</v>
      </c>
    </row>
    <row r="323" spans="1:11" x14ac:dyDescent="0.25">
      <c r="A323" s="45"/>
      <c r="B323" s="48"/>
      <c r="C323" s="48"/>
      <c r="D323" s="48"/>
      <c r="E323" s="19"/>
      <c r="F323" s="48"/>
      <c r="G323" s="18"/>
      <c r="H323" s="42"/>
      <c r="I323" s="42"/>
      <c r="J323" s="42"/>
      <c r="K323" s="19"/>
    </row>
    <row r="324" spans="1:11" ht="26.25" thickBot="1" x14ac:dyDescent="0.3">
      <c r="A324" s="45"/>
      <c r="B324" s="48"/>
      <c r="C324" s="49"/>
      <c r="D324" s="49"/>
      <c r="E324" s="19"/>
      <c r="F324" s="48"/>
      <c r="G324" s="4" t="s">
        <v>803</v>
      </c>
      <c r="H324" s="42"/>
      <c r="I324" s="42"/>
      <c r="J324" s="42"/>
      <c r="K324" s="19"/>
    </row>
    <row r="325" spans="1:11" ht="39" thickBot="1" x14ac:dyDescent="0.3">
      <c r="A325" s="45"/>
      <c r="B325" s="48"/>
      <c r="C325" s="2" t="s">
        <v>810</v>
      </c>
      <c r="D325" s="2" t="s">
        <v>811</v>
      </c>
      <c r="E325" s="19"/>
      <c r="F325" s="48"/>
      <c r="G325" s="18"/>
      <c r="H325" s="42"/>
      <c r="I325" s="42"/>
      <c r="J325" s="42"/>
      <c r="K325" s="19"/>
    </row>
    <row r="326" spans="1:11" ht="39" thickBot="1" x14ac:dyDescent="0.3">
      <c r="A326" s="45"/>
      <c r="B326" s="48"/>
      <c r="C326" s="2" t="s">
        <v>812</v>
      </c>
      <c r="D326" s="2" t="s">
        <v>813</v>
      </c>
      <c r="E326" s="19"/>
      <c r="F326" s="48"/>
      <c r="G326" s="4" t="s">
        <v>804</v>
      </c>
      <c r="H326" s="42"/>
      <c r="I326" s="42"/>
      <c r="J326" s="42"/>
      <c r="K326" s="19"/>
    </row>
    <row r="327" spans="1:11" ht="39" thickBot="1" x14ac:dyDescent="0.3">
      <c r="A327" s="45"/>
      <c r="B327" s="48"/>
      <c r="C327" s="2" t="s">
        <v>814</v>
      </c>
      <c r="D327" s="2" t="s">
        <v>815</v>
      </c>
      <c r="E327" s="19"/>
      <c r="F327" s="48"/>
      <c r="G327" s="18"/>
      <c r="H327" s="42"/>
      <c r="I327" s="42"/>
      <c r="J327" s="42"/>
      <c r="K327" s="19"/>
    </row>
    <row r="328" spans="1:11" ht="39" thickBot="1" x14ac:dyDescent="0.3">
      <c r="A328" s="45"/>
      <c r="B328" s="48"/>
      <c r="C328" s="2" t="s">
        <v>816</v>
      </c>
      <c r="D328" s="2" t="s">
        <v>817</v>
      </c>
      <c r="E328" s="19"/>
      <c r="F328" s="48"/>
      <c r="G328" s="4" t="s">
        <v>805</v>
      </c>
      <c r="H328" s="42"/>
      <c r="I328" s="42"/>
      <c r="J328" s="42"/>
      <c r="K328" s="19"/>
    </row>
    <row r="329" spans="1:11" ht="39" thickBot="1" x14ac:dyDescent="0.3">
      <c r="A329" s="45"/>
      <c r="B329" s="48"/>
      <c r="C329" s="2" t="s">
        <v>818</v>
      </c>
      <c r="D329" s="2" t="s">
        <v>819</v>
      </c>
      <c r="E329" s="19"/>
      <c r="F329" s="48"/>
      <c r="G329" s="18"/>
      <c r="H329" s="42"/>
      <c r="I329" s="42"/>
      <c r="J329" s="42"/>
      <c r="K329" s="19"/>
    </row>
    <row r="330" spans="1:11" ht="51.75" thickBot="1" x14ac:dyDescent="0.3">
      <c r="A330" s="45"/>
      <c r="B330" s="48"/>
      <c r="C330" s="2" t="s">
        <v>820</v>
      </c>
      <c r="D330" s="2" t="s">
        <v>821</v>
      </c>
      <c r="E330" s="19"/>
      <c r="F330" s="48"/>
      <c r="G330" s="4" t="s">
        <v>806</v>
      </c>
      <c r="H330" s="42"/>
      <c r="I330" s="42"/>
      <c r="J330" s="42"/>
      <c r="K330" s="19"/>
    </row>
    <row r="331" spans="1:11" ht="39" thickBot="1" x14ac:dyDescent="0.3">
      <c r="A331" s="45"/>
      <c r="B331" s="48"/>
      <c r="C331" s="2" t="s">
        <v>822</v>
      </c>
      <c r="D331" s="2" t="s">
        <v>823</v>
      </c>
      <c r="E331" s="19"/>
      <c r="F331" s="48"/>
      <c r="G331" s="18"/>
      <c r="H331" s="42"/>
      <c r="I331" s="42"/>
      <c r="J331" s="42"/>
      <c r="K331" s="19"/>
    </row>
    <row r="332" spans="1:11" ht="39" thickBot="1" x14ac:dyDescent="0.3">
      <c r="A332" s="57"/>
      <c r="B332" s="58"/>
      <c r="C332" s="2" t="s">
        <v>824</v>
      </c>
      <c r="D332" s="2" t="s">
        <v>825</v>
      </c>
      <c r="E332" s="22"/>
      <c r="F332" s="58"/>
      <c r="G332" s="23" t="s">
        <v>807</v>
      </c>
      <c r="H332" s="54"/>
      <c r="I332" s="54"/>
      <c r="J332" s="54"/>
      <c r="K332" s="22"/>
    </row>
    <row r="333" spans="1:11" ht="76.5" x14ac:dyDescent="0.25">
      <c r="A333" s="55" t="s">
        <v>615</v>
      </c>
      <c r="B333" s="56" t="s">
        <v>554</v>
      </c>
      <c r="C333" s="47" t="s">
        <v>826</v>
      </c>
      <c r="D333" s="47" t="s">
        <v>827</v>
      </c>
      <c r="E333" s="4" t="s">
        <v>315</v>
      </c>
      <c r="F333" s="56" t="s">
        <v>339</v>
      </c>
      <c r="G333" s="4" t="s">
        <v>828</v>
      </c>
      <c r="H333" s="53" t="s">
        <v>16</v>
      </c>
      <c r="I333" s="53" t="s">
        <v>16</v>
      </c>
      <c r="J333" s="53" t="s">
        <v>16</v>
      </c>
      <c r="K333" s="4" t="s">
        <v>831</v>
      </c>
    </row>
    <row r="334" spans="1:11" x14ac:dyDescent="0.25">
      <c r="A334" s="45"/>
      <c r="B334" s="48"/>
      <c r="C334" s="48"/>
      <c r="D334" s="48"/>
      <c r="E334" s="18"/>
      <c r="F334" s="48"/>
      <c r="G334" s="18"/>
      <c r="H334" s="42"/>
      <c r="I334" s="42"/>
      <c r="J334" s="42"/>
      <c r="K334" s="18"/>
    </row>
    <row r="335" spans="1:11" ht="77.25" thickBot="1" x14ac:dyDescent="0.3">
      <c r="A335" s="45"/>
      <c r="B335" s="48"/>
      <c r="C335" s="49"/>
      <c r="D335" s="49"/>
      <c r="E335" s="4" t="s">
        <v>415</v>
      </c>
      <c r="F335" s="48"/>
      <c r="G335" s="4" t="s">
        <v>829</v>
      </c>
      <c r="H335" s="42"/>
      <c r="I335" s="42"/>
      <c r="J335" s="42"/>
      <c r="K335" s="4" t="s">
        <v>832</v>
      </c>
    </row>
    <row r="336" spans="1:11" ht="39" thickBot="1" x14ac:dyDescent="0.3">
      <c r="A336" s="45"/>
      <c r="B336" s="48"/>
      <c r="C336" s="2" t="s">
        <v>834</v>
      </c>
      <c r="D336" s="2" t="s">
        <v>835</v>
      </c>
      <c r="E336" s="19"/>
      <c r="F336" s="48"/>
      <c r="G336" s="18"/>
      <c r="H336" s="42"/>
      <c r="I336" s="42"/>
      <c r="J336" s="42"/>
      <c r="K336" s="18"/>
    </row>
    <row r="337" spans="1:11" ht="77.25" thickBot="1" x14ac:dyDescent="0.3">
      <c r="A337" s="45"/>
      <c r="B337" s="48"/>
      <c r="C337" s="2" t="s">
        <v>836</v>
      </c>
      <c r="D337" s="2" t="s">
        <v>837</v>
      </c>
      <c r="E337" s="19"/>
      <c r="F337" s="48"/>
      <c r="G337" s="4" t="s">
        <v>830</v>
      </c>
      <c r="H337" s="42"/>
      <c r="I337" s="42"/>
      <c r="J337" s="42"/>
      <c r="K337" s="4" t="s">
        <v>450</v>
      </c>
    </row>
    <row r="338" spans="1:11" ht="51.75" thickBot="1" x14ac:dyDescent="0.3">
      <c r="A338" s="45"/>
      <c r="B338" s="48"/>
      <c r="C338" s="2" t="s">
        <v>838</v>
      </c>
      <c r="D338" s="2" t="s">
        <v>839</v>
      </c>
      <c r="E338" s="19"/>
      <c r="F338" s="48"/>
      <c r="G338" s="19"/>
      <c r="H338" s="42"/>
      <c r="I338" s="42"/>
      <c r="J338" s="42"/>
      <c r="K338" s="18"/>
    </row>
    <row r="339" spans="1:11" ht="51.75" thickBot="1" x14ac:dyDescent="0.3">
      <c r="A339" s="45"/>
      <c r="B339" s="48"/>
      <c r="C339" s="2" t="s">
        <v>840</v>
      </c>
      <c r="D339" s="2" t="s">
        <v>841</v>
      </c>
      <c r="E339" s="19"/>
      <c r="F339" s="48"/>
      <c r="G339" s="19"/>
      <c r="H339" s="42"/>
      <c r="I339" s="42"/>
      <c r="J339" s="42"/>
      <c r="K339" s="4" t="s">
        <v>548</v>
      </c>
    </row>
    <row r="340" spans="1:11" ht="39" thickBot="1" x14ac:dyDescent="0.3">
      <c r="A340" s="45"/>
      <c r="B340" s="48"/>
      <c r="C340" s="2" t="s">
        <v>842</v>
      </c>
      <c r="D340" s="2" t="s">
        <v>843</v>
      </c>
      <c r="E340" s="19"/>
      <c r="F340" s="48"/>
      <c r="G340" s="19"/>
      <c r="H340" s="42"/>
      <c r="I340" s="42"/>
      <c r="J340" s="42"/>
      <c r="K340" s="18"/>
    </row>
    <row r="341" spans="1:11" ht="102.75" thickBot="1" x14ac:dyDescent="0.3">
      <c r="A341" s="57"/>
      <c r="B341" s="58"/>
      <c r="C341" s="2" t="s">
        <v>844</v>
      </c>
      <c r="D341" s="2" t="s">
        <v>845</v>
      </c>
      <c r="E341" s="22"/>
      <c r="F341" s="58"/>
      <c r="G341" s="22"/>
      <c r="H341" s="54"/>
      <c r="I341" s="54"/>
      <c r="J341" s="54"/>
      <c r="K341" s="23" t="s">
        <v>833</v>
      </c>
    </row>
    <row r="342" spans="1:11" ht="51" x14ac:dyDescent="0.25">
      <c r="A342" s="55" t="s">
        <v>615</v>
      </c>
      <c r="B342" s="56" t="s">
        <v>580</v>
      </c>
      <c r="C342" s="47" t="s">
        <v>844</v>
      </c>
      <c r="D342" s="47" t="s">
        <v>845</v>
      </c>
      <c r="E342" s="56" t="s">
        <v>846</v>
      </c>
      <c r="F342" s="56" t="s">
        <v>158</v>
      </c>
      <c r="G342" s="56" t="s">
        <v>583</v>
      </c>
      <c r="H342" s="53" t="s">
        <v>16</v>
      </c>
      <c r="I342" s="53" t="s">
        <v>16</v>
      </c>
      <c r="J342" s="53" t="s">
        <v>16</v>
      </c>
      <c r="K342" s="4" t="s">
        <v>585</v>
      </c>
    </row>
    <row r="343" spans="1:11" x14ac:dyDescent="0.25">
      <c r="A343" s="45"/>
      <c r="B343" s="48"/>
      <c r="C343" s="48"/>
      <c r="D343" s="48"/>
      <c r="E343" s="48"/>
      <c r="F343" s="48"/>
      <c r="G343" s="48"/>
      <c r="H343" s="42"/>
      <c r="I343" s="42"/>
      <c r="J343" s="42"/>
      <c r="K343" s="18"/>
    </row>
    <row r="344" spans="1:11" ht="25.5" x14ac:dyDescent="0.25">
      <c r="A344" s="45"/>
      <c r="B344" s="48"/>
      <c r="C344" s="48"/>
      <c r="D344" s="48"/>
      <c r="E344" s="48"/>
      <c r="F344" s="48"/>
      <c r="G344" s="48"/>
      <c r="H344" s="42"/>
      <c r="I344" s="42"/>
      <c r="J344" s="42"/>
      <c r="K344" s="4" t="s">
        <v>489</v>
      </c>
    </row>
    <row r="345" spans="1:11" x14ac:dyDescent="0.25">
      <c r="A345" s="45"/>
      <c r="B345" s="48"/>
      <c r="C345" s="48"/>
      <c r="D345" s="48"/>
      <c r="E345" s="48"/>
      <c r="F345" s="48"/>
      <c r="G345" s="48"/>
      <c r="H345" s="42"/>
      <c r="I345" s="42"/>
      <c r="J345" s="42"/>
      <c r="K345" s="18"/>
    </row>
    <row r="346" spans="1:11" ht="51" x14ac:dyDescent="0.25">
      <c r="A346" s="45"/>
      <c r="B346" s="48"/>
      <c r="C346" s="48"/>
      <c r="D346" s="48"/>
      <c r="E346" s="48"/>
      <c r="F346" s="48"/>
      <c r="G346" s="48"/>
      <c r="H346" s="42"/>
      <c r="I346" s="42"/>
      <c r="J346" s="42"/>
      <c r="K346" s="4" t="s">
        <v>548</v>
      </c>
    </row>
    <row r="347" spans="1:11" x14ac:dyDescent="0.25">
      <c r="A347" s="45"/>
      <c r="B347" s="48"/>
      <c r="C347" s="48"/>
      <c r="D347" s="48"/>
      <c r="E347" s="48"/>
      <c r="F347" s="48"/>
      <c r="G347" s="48"/>
      <c r="H347" s="42"/>
      <c r="I347" s="42"/>
      <c r="J347" s="42"/>
      <c r="K347" s="18"/>
    </row>
    <row r="348" spans="1:11" ht="15.75" thickBot="1" x14ac:dyDescent="0.3">
      <c r="A348" s="46"/>
      <c r="B348" s="49"/>
      <c r="C348" s="49"/>
      <c r="D348" s="49"/>
      <c r="E348" s="49"/>
      <c r="F348" s="49"/>
      <c r="G348" s="49"/>
      <c r="H348" s="43"/>
      <c r="I348" s="43"/>
      <c r="J348" s="43"/>
      <c r="K348" s="2" t="s">
        <v>180</v>
      </c>
    </row>
    <row r="349" spans="1:11" ht="114.75" x14ac:dyDescent="0.25">
      <c r="A349" s="44" t="s">
        <v>615</v>
      </c>
      <c r="B349" s="47" t="s">
        <v>588</v>
      </c>
      <c r="C349" s="47" t="s">
        <v>589</v>
      </c>
      <c r="D349" s="47" t="s">
        <v>589</v>
      </c>
      <c r="E349" s="47" t="s">
        <v>846</v>
      </c>
      <c r="F349" s="47" t="s">
        <v>339</v>
      </c>
      <c r="G349" s="4" t="s">
        <v>847</v>
      </c>
      <c r="H349" s="41" t="s">
        <v>16</v>
      </c>
      <c r="I349" s="41" t="s">
        <v>16</v>
      </c>
      <c r="J349" s="50"/>
      <c r="K349" s="4" t="s">
        <v>849</v>
      </c>
    </row>
    <row r="350" spans="1:11" x14ac:dyDescent="0.25">
      <c r="A350" s="45"/>
      <c r="B350" s="48"/>
      <c r="C350" s="48"/>
      <c r="D350" s="48"/>
      <c r="E350" s="48"/>
      <c r="F350" s="48"/>
      <c r="G350" s="18"/>
      <c r="H350" s="42"/>
      <c r="I350" s="42"/>
      <c r="J350" s="51"/>
      <c r="K350" s="4"/>
    </row>
    <row r="351" spans="1:11" ht="114.75" x14ac:dyDescent="0.25">
      <c r="A351" s="45"/>
      <c r="B351" s="48"/>
      <c r="C351" s="48"/>
      <c r="D351" s="48"/>
      <c r="E351" s="48"/>
      <c r="F351" s="48"/>
      <c r="G351" s="4" t="s">
        <v>848</v>
      </c>
      <c r="H351" s="42"/>
      <c r="I351" s="42"/>
      <c r="J351" s="51"/>
      <c r="K351" s="4" t="s">
        <v>850</v>
      </c>
    </row>
    <row r="352" spans="1:11" x14ac:dyDescent="0.25">
      <c r="A352" s="45"/>
      <c r="B352" s="48"/>
      <c r="C352" s="48"/>
      <c r="D352" s="48"/>
      <c r="E352" s="48"/>
      <c r="F352" s="48"/>
      <c r="G352" s="19"/>
      <c r="H352" s="42"/>
      <c r="I352" s="42"/>
      <c r="J352" s="51"/>
      <c r="K352" s="18"/>
    </row>
    <row r="353" spans="1:11" ht="90" thickBot="1" x14ac:dyDescent="0.3">
      <c r="A353" s="46"/>
      <c r="B353" s="49"/>
      <c r="C353" s="49"/>
      <c r="D353" s="49"/>
      <c r="E353" s="49"/>
      <c r="F353" s="49"/>
      <c r="G353" s="20"/>
      <c r="H353" s="43"/>
      <c r="I353" s="43"/>
      <c r="J353" s="52"/>
      <c r="K353" s="2" t="s">
        <v>851</v>
      </c>
    </row>
    <row r="354" spans="1:11" ht="38.25" x14ac:dyDescent="0.25">
      <c r="A354" s="44" t="s">
        <v>615</v>
      </c>
      <c r="B354" s="47" t="s">
        <v>852</v>
      </c>
      <c r="C354" s="47" t="s">
        <v>853</v>
      </c>
      <c r="D354" s="47" t="s">
        <v>854</v>
      </c>
      <c r="E354" s="47" t="s">
        <v>259</v>
      </c>
      <c r="F354" s="47" t="s">
        <v>158</v>
      </c>
      <c r="G354" s="47" t="s">
        <v>855</v>
      </c>
      <c r="H354" s="41" t="s">
        <v>16</v>
      </c>
      <c r="I354" s="41" t="s">
        <v>16</v>
      </c>
      <c r="J354" s="41" t="s">
        <v>16</v>
      </c>
      <c r="K354" s="4" t="s">
        <v>856</v>
      </c>
    </row>
    <row r="355" spans="1:11" x14ac:dyDescent="0.25">
      <c r="A355" s="45"/>
      <c r="B355" s="48"/>
      <c r="C355" s="48"/>
      <c r="D355" s="48"/>
      <c r="E355" s="48"/>
      <c r="F355" s="48"/>
      <c r="G355" s="48"/>
      <c r="H355" s="42"/>
      <c r="I355" s="42"/>
      <c r="J355" s="42"/>
      <c r="K355" s="18"/>
    </row>
    <row r="356" spans="1:11" ht="25.5" x14ac:dyDescent="0.25">
      <c r="A356" s="45"/>
      <c r="B356" s="48"/>
      <c r="C356" s="48"/>
      <c r="D356" s="48"/>
      <c r="E356" s="48"/>
      <c r="F356" s="48"/>
      <c r="G356" s="48"/>
      <c r="H356" s="42"/>
      <c r="I356" s="42"/>
      <c r="J356" s="42"/>
      <c r="K356" s="4" t="s">
        <v>857</v>
      </c>
    </row>
    <row r="357" spans="1:11" x14ac:dyDescent="0.25">
      <c r="A357" s="45"/>
      <c r="B357" s="48"/>
      <c r="C357" s="48"/>
      <c r="D357" s="48"/>
      <c r="E357" s="48"/>
      <c r="F357" s="48"/>
      <c r="G357" s="48"/>
      <c r="H357" s="42"/>
      <c r="I357" s="42"/>
      <c r="J357" s="42"/>
      <c r="K357" s="18"/>
    </row>
    <row r="358" spans="1:11" ht="51" x14ac:dyDescent="0.25">
      <c r="A358" s="45"/>
      <c r="B358" s="48"/>
      <c r="C358" s="48"/>
      <c r="D358" s="48"/>
      <c r="E358" s="48"/>
      <c r="F358" s="48"/>
      <c r="G358" s="48"/>
      <c r="H358" s="42"/>
      <c r="I358" s="42"/>
      <c r="J358" s="42"/>
      <c r="K358" s="4" t="s">
        <v>548</v>
      </c>
    </row>
    <row r="359" spans="1:11" x14ac:dyDescent="0.25">
      <c r="A359" s="45"/>
      <c r="B359" s="48"/>
      <c r="C359" s="48"/>
      <c r="D359" s="48"/>
      <c r="E359" s="48"/>
      <c r="F359" s="48"/>
      <c r="G359" s="48"/>
      <c r="H359" s="42"/>
      <c r="I359" s="42"/>
      <c r="J359" s="42"/>
      <c r="K359" s="18"/>
    </row>
    <row r="360" spans="1:11" ht="15.75" thickBot="1" x14ac:dyDescent="0.3">
      <c r="A360" s="46"/>
      <c r="B360" s="49"/>
      <c r="C360" s="49"/>
      <c r="D360" s="49"/>
      <c r="E360" s="49"/>
      <c r="F360" s="49"/>
      <c r="G360" s="49"/>
      <c r="H360" s="43"/>
      <c r="I360" s="43"/>
      <c r="J360" s="43"/>
      <c r="K360" s="2" t="s">
        <v>180</v>
      </c>
    </row>
    <row r="361" spans="1:11" ht="51.75" thickBot="1" x14ac:dyDescent="0.3">
      <c r="A361" s="44" t="s">
        <v>615</v>
      </c>
      <c r="B361" s="47" t="s">
        <v>263</v>
      </c>
      <c r="C361" s="2" t="s">
        <v>858</v>
      </c>
      <c r="D361" s="2" t="s">
        <v>859</v>
      </c>
      <c r="E361" s="47" t="s">
        <v>259</v>
      </c>
      <c r="F361" s="47" t="s">
        <v>158</v>
      </c>
      <c r="G361" s="47" t="s">
        <v>860</v>
      </c>
      <c r="H361" s="41" t="s">
        <v>16</v>
      </c>
      <c r="I361" s="41" t="s">
        <v>16</v>
      </c>
      <c r="J361" s="41" t="s">
        <v>16</v>
      </c>
      <c r="K361" s="4" t="s">
        <v>601</v>
      </c>
    </row>
    <row r="362" spans="1:11" ht="39" thickBot="1" x14ac:dyDescent="0.3">
      <c r="A362" s="45"/>
      <c r="B362" s="48"/>
      <c r="C362" s="2" t="s">
        <v>862</v>
      </c>
      <c r="D362" s="2" t="s">
        <v>863</v>
      </c>
      <c r="E362" s="48"/>
      <c r="F362" s="48"/>
      <c r="G362" s="48"/>
      <c r="H362" s="42"/>
      <c r="I362" s="42"/>
      <c r="J362" s="42"/>
      <c r="K362" s="18"/>
    </row>
    <row r="363" spans="1:11" ht="39" thickBot="1" x14ac:dyDescent="0.3">
      <c r="A363" s="45"/>
      <c r="B363" s="48"/>
      <c r="C363" s="2" t="s">
        <v>864</v>
      </c>
      <c r="D363" s="2" t="s">
        <v>865</v>
      </c>
      <c r="E363" s="48"/>
      <c r="F363" s="48"/>
      <c r="G363" s="48"/>
      <c r="H363" s="42"/>
      <c r="I363" s="42"/>
      <c r="J363" s="42"/>
      <c r="K363" s="4" t="s">
        <v>275</v>
      </c>
    </row>
    <row r="364" spans="1:11" ht="39" thickBot="1" x14ac:dyDescent="0.3">
      <c r="A364" s="45"/>
      <c r="B364" s="48"/>
      <c r="C364" s="2" t="s">
        <v>866</v>
      </c>
      <c r="D364" s="2" t="s">
        <v>867</v>
      </c>
      <c r="E364" s="48"/>
      <c r="F364" s="48"/>
      <c r="G364" s="48"/>
      <c r="H364" s="42"/>
      <c r="I364" s="42"/>
      <c r="J364" s="42"/>
      <c r="K364" s="18"/>
    </row>
    <row r="365" spans="1:11" ht="51.75" thickBot="1" x14ac:dyDescent="0.3">
      <c r="A365" s="45"/>
      <c r="B365" s="48"/>
      <c r="C365" s="2" t="s">
        <v>868</v>
      </c>
      <c r="D365" s="2" t="s">
        <v>869</v>
      </c>
      <c r="E365" s="48"/>
      <c r="F365" s="48"/>
      <c r="G365" s="48"/>
      <c r="H365" s="42"/>
      <c r="I365" s="42"/>
      <c r="J365" s="42"/>
      <c r="K365" s="4" t="s">
        <v>548</v>
      </c>
    </row>
    <row r="366" spans="1:11" ht="64.5" thickBot="1" x14ac:dyDescent="0.3">
      <c r="A366" s="45"/>
      <c r="B366" s="48"/>
      <c r="C366" s="2" t="s">
        <v>870</v>
      </c>
      <c r="D366" s="2" t="s">
        <v>871</v>
      </c>
      <c r="E366" s="48"/>
      <c r="F366" s="48"/>
      <c r="G366" s="48"/>
      <c r="H366" s="42"/>
      <c r="I366" s="42"/>
      <c r="J366" s="42"/>
      <c r="K366" s="18"/>
    </row>
    <row r="367" spans="1:11" ht="64.5" thickBot="1" x14ac:dyDescent="0.3">
      <c r="A367" s="45"/>
      <c r="B367" s="48"/>
      <c r="C367" s="2" t="s">
        <v>872</v>
      </c>
      <c r="D367" s="2" t="s">
        <v>873</v>
      </c>
      <c r="E367" s="48"/>
      <c r="F367" s="48"/>
      <c r="G367" s="48"/>
      <c r="H367" s="42"/>
      <c r="I367" s="42"/>
      <c r="J367" s="42"/>
      <c r="K367" s="4" t="s">
        <v>861</v>
      </c>
    </row>
    <row r="368" spans="1:11" ht="39" thickBot="1" x14ac:dyDescent="0.3">
      <c r="A368" s="45"/>
      <c r="B368" s="48"/>
      <c r="C368" s="2" t="s">
        <v>874</v>
      </c>
      <c r="D368" s="2" t="s">
        <v>875</v>
      </c>
      <c r="E368" s="48"/>
      <c r="F368" s="48"/>
      <c r="G368" s="48"/>
      <c r="H368" s="42"/>
      <c r="I368" s="42"/>
      <c r="J368" s="42"/>
      <c r="K368" s="19"/>
    </row>
    <row r="369" spans="1:11" ht="39" thickBot="1" x14ac:dyDescent="0.3">
      <c r="A369" s="46"/>
      <c r="B369" s="49"/>
      <c r="C369" s="2" t="s">
        <v>876</v>
      </c>
      <c r="D369" s="2" t="s">
        <v>877</v>
      </c>
      <c r="E369" s="49"/>
      <c r="F369" s="49"/>
      <c r="G369" s="49"/>
      <c r="H369" s="43"/>
      <c r="I369" s="43"/>
      <c r="J369" s="43"/>
      <c r="K369" s="20"/>
    </row>
    <row r="370" spans="1:11" x14ac:dyDescent="0.25">
      <c r="A370" s="25"/>
      <c r="B370"/>
      <c r="C370"/>
      <c r="D370"/>
      <c r="E370"/>
      <c r="F370"/>
      <c r="G370"/>
      <c r="H370"/>
      <c r="I370"/>
      <c r="J370"/>
      <c r="K370"/>
    </row>
  </sheetData>
  <autoFilter ref="A3:K369" xr:uid="{A631A547-15EB-4C42-9752-275E3AE6F1E9}"/>
  <mergeCells count="389">
    <mergeCell ref="A1:K1"/>
    <mergeCell ref="H4:H8"/>
    <mergeCell ref="I4:I8"/>
    <mergeCell ref="J4:J8"/>
    <mergeCell ref="A9:A13"/>
    <mergeCell ref="B9:B13"/>
    <mergeCell ref="C9:C11"/>
    <mergeCell ref="D9:D11"/>
    <mergeCell ref="E9:E13"/>
    <mergeCell ref="F9:F13"/>
    <mergeCell ref="H9:H13"/>
    <mergeCell ref="A4:A8"/>
    <mergeCell ref="B4:B8"/>
    <mergeCell ref="C4:C6"/>
    <mergeCell ref="D4:D6"/>
    <mergeCell ref="E4:E8"/>
    <mergeCell ref="F4:F8"/>
    <mergeCell ref="I9:I13"/>
    <mergeCell ref="J9:J13"/>
    <mergeCell ref="A14:A18"/>
    <mergeCell ref="B14:B18"/>
    <mergeCell ref="C14:C17"/>
    <mergeCell ref="D14:D17"/>
    <mergeCell ref="E14:E18"/>
    <mergeCell ref="F14:F18"/>
    <mergeCell ref="G14:G18"/>
    <mergeCell ref="H14:H18"/>
    <mergeCell ref="I14:I18"/>
    <mergeCell ref="J14:J18"/>
    <mergeCell ref="A19:A25"/>
    <mergeCell ref="B19:B25"/>
    <mergeCell ref="C19:C22"/>
    <mergeCell ref="D19:D22"/>
    <mergeCell ref="E19:E25"/>
    <mergeCell ref="F19:F25"/>
    <mergeCell ref="H19:H25"/>
    <mergeCell ref="I19:I25"/>
    <mergeCell ref="J19:J25"/>
    <mergeCell ref="A26:A30"/>
    <mergeCell ref="B26:B30"/>
    <mergeCell ref="C26:C30"/>
    <mergeCell ref="D26:D30"/>
    <mergeCell ref="E26:E30"/>
    <mergeCell ref="F26:F30"/>
    <mergeCell ref="G26:G30"/>
    <mergeCell ref="H26:H30"/>
    <mergeCell ref="I26:I30"/>
    <mergeCell ref="J26:J30"/>
    <mergeCell ref="A31:A35"/>
    <mergeCell ref="B31:B35"/>
    <mergeCell ref="E31:E35"/>
    <mergeCell ref="F31:F35"/>
    <mergeCell ref="G31:G35"/>
    <mergeCell ref="H31:H35"/>
    <mergeCell ref="I31:I35"/>
    <mergeCell ref="J31:J35"/>
    <mergeCell ref="G36:G40"/>
    <mergeCell ref="H36:H40"/>
    <mergeCell ref="I36:I40"/>
    <mergeCell ref="J36:J40"/>
    <mergeCell ref="A41:A43"/>
    <mergeCell ref="B41:B43"/>
    <mergeCell ref="C41:C43"/>
    <mergeCell ref="D41:D43"/>
    <mergeCell ref="E41:E43"/>
    <mergeCell ref="F41:F43"/>
    <mergeCell ref="A36:A40"/>
    <mergeCell ref="B36:B40"/>
    <mergeCell ref="C36:C40"/>
    <mergeCell ref="D36:D40"/>
    <mergeCell ref="E36:E40"/>
    <mergeCell ref="F36:F40"/>
    <mergeCell ref="G41:G43"/>
    <mergeCell ref="H41:H43"/>
    <mergeCell ref="I41:I43"/>
    <mergeCell ref="J41:J43"/>
    <mergeCell ref="A44:A50"/>
    <mergeCell ref="B44:B50"/>
    <mergeCell ref="C44:C46"/>
    <mergeCell ref="D44:D46"/>
    <mergeCell ref="E44:E50"/>
    <mergeCell ref="F44:F50"/>
    <mergeCell ref="H44:H50"/>
    <mergeCell ref="I44:I50"/>
    <mergeCell ref="J44:J50"/>
    <mergeCell ref="C47:C49"/>
    <mergeCell ref="A51:A55"/>
    <mergeCell ref="B51:B55"/>
    <mergeCell ref="C51:C55"/>
    <mergeCell ref="D51:D55"/>
    <mergeCell ref="E51:E55"/>
    <mergeCell ref="F51:F55"/>
    <mergeCell ref="H51:H55"/>
    <mergeCell ref="I51:I55"/>
    <mergeCell ref="J51:J55"/>
    <mergeCell ref="A56:A60"/>
    <mergeCell ref="B56:B60"/>
    <mergeCell ref="E56:E60"/>
    <mergeCell ref="F56:F60"/>
    <mergeCell ref="G56:G60"/>
    <mergeCell ref="H56:H60"/>
    <mergeCell ref="I56:I60"/>
    <mergeCell ref="J56:J60"/>
    <mergeCell ref="A61:A65"/>
    <mergeCell ref="B61:B65"/>
    <mergeCell ref="C61:C65"/>
    <mergeCell ref="D61:D65"/>
    <mergeCell ref="E61:E65"/>
    <mergeCell ref="F61:F65"/>
    <mergeCell ref="G61:G65"/>
    <mergeCell ref="H61:H65"/>
    <mergeCell ref="I61:I65"/>
    <mergeCell ref="J61:J65"/>
    <mergeCell ref="A66:A70"/>
    <mergeCell ref="B66:B70"/>
    <mergeCell ref="C66:C70"/>
    <mergeCell ref="D66:D70"/>
    <mergeCell ref="E66:E70"/>
    <mergeCell ref="F66:F70"/>
    <mergeCell ref="H66:H70"/>
    <mergeCell ref="I66:I70"/>
    <mergeCell ref="J66:J70"/>
    <mergeCell ref="H71:H84"/>
    <mergeCell ref="I71:I84"/>
    <mergeCell ref="J71:J84"/>
    <mergeCell ref="A85:A94"/>
    <mergeCell ref="B85:B94"/>
    <mergeCell ref="C85:C86"/>
    <mergeCell ref="D85:D86"/>
    <mergeCell ref="E85:E94"/>
    <mergeCell ref="F85:F94"/>
    <mergeCell ref="G85:G94"/>
    <mergeCell ref="A71:A84"/>
    <mergeCell ref="B71:B84"/>
    <mergeCell ref="C71:C79"/>
    <mergeCell ref="D71:D79"/>
    <mergeCell ref="E71:E84"/>
    <mergeCell ref="F71:F84"/>
    <mergeCell ref="H85:H94"/>
    <mergeCell ref="I85:I94"/>
    <mergeCell ref="J85:J94"/>
    <mergeCell ref="C88:C93"/>
    <mergeCell ref="A95:A99"/>
    <mergeCell ref="B95:B99"/>
    <mergeCell ref="C95:C99"/>
    <mergeCell ref="D95:D99"/>
    <mergeCell ref="E95:E99"/>
    <mergeCell ref="F95:F99"/>
    <mergeCell ref="G95:G99"/>
    <mergeCell ref="H95:H99"/>
    <mergeCell ref="I95:I99"/>
    <mergeCell ref="J95:J99"/>
    <mergeCell ref="A100:A104"/>
    <mergeCell ref="B100:B104"/>
    <mergeCell ref="C100:C104"/>
    <mergeCell ref="D100:D104"/>
    <mergeCell ref="E100:E104"/>
    <mergeCell ref="F100:F104"/>
    <mergeCell ref="H105:H109"/>
    <mergeCell ref="I105:I109"/>
    <mergeCell ref="J105:J109"/>
    <mergeCell ref="A110:A127"/>
    <mergeCell ref="F110:F127"/>
    <mergeCell ref="H110:H127"/>
    <mergeCell ref="I110:I127"/>
    <mergeCell ref="J110:J127"/>
    <mergeCell ref="H100:H104"/>
    <mergeCell ref="I100:I104"/>
    <mergeCell ref="J100:J104"/>
    <mergeCell ref="A105:A109"/>
    <mergeCell ref="B105:B109"/>
    <mergeCell ref="C105:C106"/>
    <mergeCell ref="D105:D106"/>
    <mergeCell ref="E105:E109"/>
    <mergeCell ref="F105:F109"/>
    <mergeCell ref="G105:G109"/>
    <mergeCell ref="J134:J138"/>
    <mergeCell ref="A139:A150"/>
    <mergeCell ref="B139:B150"/>
    <mergeCell ref="F139:F150"/>
    <mergeCell ref="H139:H150"/>
    <mergeCell ref="I139:I150"/>
    <mergeCell ref="J139:J150"/>
    <mergeCell ref="I128:I133"/>
    <mergeCell ref="J128:J133"/>
    <mergeCell ref="A134:A138"/>
    <mergeCell ref="B134:B138"/>
    <mergeCell ref="C134:C136"/>
    <mergeCell ref="D134:D136"/>
    <mergeCell ref="E134:E138"/>
    <mergeCell ref="F134:F138"/>
    <mergeCell ref="H134:H138"/>
    <mergeCell ref="I134:I138"/>
    <mergeCell ref="A128:A133"/>
    <mergeCell ref="B128:B133"/>
    <mergeCell ref="E128:E133"/>
    <mergeCell ref="F128:F133"/>
    <mergeCell ref="G128:G133"/>
    <mergeCell ref="H128:H133"/>
    <mergeCell ref="I151:I155"/>
    <mergeCell ref="J151:J155"/>
    <mergeCell ref="A156:A162"/>
    <mergeCell ref="B156:B162"/>
    <mergeCell ref="F156:F162"/>
    <mergeCell ref="H156:H162"/>
    <mergeCell ref="I156:I162"/>
    <mergeCell ref="J156:J162"/>
    <mergeCell ref="A151:A155"/>
    <mergeCell ref="B151:B155"/>
    <mergeCell ref="C151:C152"/>
    <mergeCell ref="D151:D152"/>
    <mergeCell ref="F151:F155"/>
    <mergeCell ref="H151:H155"/>
    <mergeCell ref="I163:I177"/>
    <mergeCell ref="J163:J177"/>
    <mergeCell ref="A178:A189"/>
    <mergeCell ref="B178:B189"/>
    <mergeCell ref="F178:F189"/>
    <mergeCell ref="H178:H189"/>
    <mergeCell ref="I178:I189"/>
    <mergeCell ref="J178:J189"/>
    <mergeCell ref="A163:A177"/>
    <mergeCell ref="B163:B177"/>
    <mergeCell ref="C163:C166"/>
    <mergeCell ref="D163:D166"/>
    <mergeCell ref="F163:F177"/>
    <mergeCell ref="H163:H177"/>
    <mergeCell ref="H190:H196"/>
    <mergeCell ref="I190:I196"/>
    <mergeCell ref="J190:J196"/>
    <mergeCell ref="A197:A205"/>
    <mergeCell ref="B197:B205"/>
    <mergeCell ref="F197:F205"/>
    <mergeCell ref="H197:H205"/>
    <mergeCell ref="I197:I205"/>
    <mergeCell ref="J197:J205"/>
    <mergeCell ref="A190:A196"/>
    <mergeCell ref="B190:B196"/>
    <mergeCell ref="C190:C194"/>
    <mergeCell ref="D190:D194"/>
    <mergeCell ref="E190:E196"/>
    <mergeCell ref="F190:F196"/>
    <mergeCell ref="H206:H210"/>
    <mergeCell ref="I206:I210"/>
    <mergeCell ref="J206:J210"/>
    <mergeCell ref="A211:A215"/>
    <mergeCell ref="B211:B215"/>
    <mergeCell ref="C211:C215"/>
    <mergeCell ref="D211:D215"/>
    <mergeCell ref="E211:E215"/>
    <mergeCell ref="F211:F215"/>
    <mergeCell ref="H211:H215"/>
    <mergeCell ref="A206:A210"/>
    <mergeCell ref="B206:B210"/>
    <mergeCell ref="C206:C209"/>
    <mergeCell ref="D206:D209"/>
    <mergeCell ref="E206:E210"/>
    <mergeCell ref="F206:F210"/>
    <mergeCell ref="I211:I215"/>
    <mergeCell ref="J211:J215"/>
    <mergeCell ref="A216:A220"/>
    <mergeCell ref="B216:B220"/>
    <mergeCell ref="C216:C220"/>
    <mergeCell ref="D216:D220"/>
    <mergeCell ref="E216:E220"/>
    <mergeCell ref="F216:F220"/>
    <mergeCell ref="H216:H220"/>
    <mergeCell ref="I216:I220"/>
    <mergeCell ref="A230:A255"/>
    <mergeCell ref="B230:B255"/>
    <mergeCell ref="F230:F255"/>
    <mergeCell ref="H230:H255"/>
    <mergeCell ref="I230:I255"/>
    <mergeCell ref="J230:J255"/>
    <mergeCell ref="J216:J220"/>
    <mergeCell ref="A221:A229"/>
    <mergeCell ref="B221:B229"/>
    <mergeCell ref="E221:E229"/>
    <mergeCell ref="F221:F229"/>
    <mergeCell ref="G221:G229"/>
    <mergeCell ref="H221:H229"/>
    <mergeCell ref="I221:I229"/>
    <mergeCell ref="J221:J229"/>
    <mergeCell ref="I256:I262"/>
    <mergeCell ref="J256:J262"/>
    <mergeCell ref="A263:A269"/>
    <mergeCell ref="B263:B269"/>
    <mergeCell ref="C263:C266"/>
    <mergeCell ref="D263:D266"/>
    <mergeCell ref="E263:E269"/>
    <mergeCell ref="F263:F269"/>
    <mergeCell ref="H263:H269"/>
    <mergeCell ref="I263:I269"/>
    <mergeCell ref="A256:A262"/>
    <mergeCell ref="B256:B262"/>
    <mergeCell ref="E256:E262"/>
    <mergeCell ref="F256:F262"/>
    <mergeCell ref="G256:G262"/>
    <mergeCell ref="H256:H262"/>
    <mergeCell ref="J263:J269"/>
    <mergeCell ref="A270:A274"/>
    <mergeCell ref="B270:B274"/>
    <mergeCell ref="C270:C273"/>
    <mergeCell ref="D270:D273"/>
    <mergeCell ref="E270:E274"/>
    <mergeCell ref="F270:F274"/>
    <mergeCell ref="G270:G274"/>
    <mergeCell ref="H270:H274"/>
    <mergeCell ref="I270:I274"/>
    <mergeCell ref="J270:J274"/>
    <mergeCell ref="A275:A287"/>
    <mergeCell ref="B275:B287"/>
    <mergeCell ref="C275:C278"/>
    <mergeCell ref="D275:D278"/>
    <mergeCell ref="E275:E287"/>
    <mergeCell ref="F275:F287"/>
    <mergeCell ref="H275:H287"/>
    <mergeCell ref="I275:I287"/>
    <mergeCell ref="J275:J287"/>
    <mergeCell ref="J288:J308"/>
    <mergeCell ref="A309:A315"/>
    <mergeCell ref="B309:B315"/>
    <mergeCell ref="C309:C315"/>
    <mergeCell ref="D309:D315"/>
    <mergeCell ref="E309:E315"/>
    <mergeCell ref="F309:F315"/>
    <mergeCell ref="G309:G315"/>
    <mergeCell ref="H309:H315"/>
    <mergeCell ref="I309:I315"/>
    <mergeCell ref="A288:A308"/>
    <mergeCell ref="B288:B308"/>
    <mergeCell ref="E288:E308"/>
    <mergeCell ref="F288:F308"/>
    <mergeCell ref="H288:H308"/>
    <mergeCell ref="I288:I308"/>
    <mergeCell ref="J309:J315"/>
    <mergeCell ref="A316:A332"/>
    <mergeCell ref="B316:B332"/>
    <mergeCell ref="C316:C324"/>
    <mergeCell ref="D316:D324"/>
    <mergeCell ref="F316:F332"/>
    <mergeCell ref="H316:H332"/>
    <mergeCell ref="I316:I332"/>
    <mergeCell ref="J316:J332"/>
    <mergeCell ref="I333:I341"/>
    <mergeCell ref="J333:J341"/>
    <mergeCell ref="A342:A348"/>
    <mergeCell ref="B342:B348"/>
    <mergeCell ref="C342:C348"/>
    <mergeCell ref="D342:D348"/>
    <mergeCell ref="E342:E348"/>
    <mergeCell ref="F342:F348"/>
    <mergeCell ref="G342:G348"/>
    <mergeCell ref="H342:H348"/>
    <mergeCell ref="A333:A341"/>
    <mergeCell ref="B333:B341"/>
    <mergeCell ref="C333:C335"/>
    <mergeCell ref="D333:D335"/>
    <mergeCell ref="F333:F341"/>
    <mergeCell ref="H333:H341"/>
    <mergeCell ref="I342:I348"/>
    <mergeCell ref="J342:J348"/>
    <mergeCell ref="A349:A353"/>
    <mergeCell ref="B349:B353"/>
    <mergeCell ref="C349:C353"/>
    <mergeCell ref="D349:D353"/>
    <mergeCell ref="E349:E353"/>
    <mergeCell ref="F349:F353"/>
    <mergeCell ref="H349:H353"/>
    <mergeCell ref="I349:I353"/>
    <mergeCell ref="J349:J353"/>
    <mergeCell ref="A354:A360"/>
    <mergeCell ref="B354:B360"/>
    <mergeCell ref="C354:C360"/>
    <mergeCell ref="D354:D360"/>
    <mergeCell ref="E354:E360"/>
    <mergeCell ref="F354:F360"/>
    <mergeCell ref="G354:G360"/>
    <mergeCell ref="H354:H360"/>
    <mergeCell ref="I354:I360"/>
    <mergeCell ref="J354:J360"/>
    <mergeCell ref="A361:A369"/>
    <mergeCell ref="B361:B369"/>
    <mergeCell ref="E361:E369"/>
    <mergeCell ref="F361:F369"/>
    <mergeCell ref="G361:G369"/>
    <mergeCell ref="H361:H369"/>
    <mergeCell ref="I361:I369"/>
    <mergeCell ref="J361:J369"/>
  </mergeCells>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5F77358-8D33-4FB5-81A9-19961019533B}">
  <dimension ref="A1:I115"/>
  <sheetViews>
    <sheetView workbookViewId="0"/>
  </sheetViews>
  <sheetFormatPr defaultRowHeight="12.75" x14ac:dyDescent="0.25"/>
  <cols>
    <col min="1" max="1" width="12.7109375" style="31" customWidth="1"/>
    <col min="2" max="3" width="13.5703125" style="31" customWidth="1"/>
    <col min="4" max="4" width="18.140625" style="31" customWidth="1"/>
    <col min="5" max="5" width="43.42578125" style="31" customWidth="1"/>
    <col min="6" max="8" width="9.140625" style="30"/>
    <col min="9" max="9" width="31.28515625" style="31" customWidth="1"/>
    <col min="10" max="16384" width="9.140625" style="30"/>
  </cols>
  <sheetData>
    <row r="1" spans="1:9" s="32" customFormat="1" x14ac:dyDescent="0.25">
      <c r="A1" s="32" t="s">
        <v>139</v>
      </c>
      <c r="D1" s="38"/>
      <c r="I1" s="38"/>
    </row>
    <row r="3" spans="1:9" ht="76.5" x14ac:dyDescent="0.25">
      <c r="A3" s="39" t="s">
        <v>0</v>
      </c>
      <c r="B3" s="39" t="s">
        <v>953</v>
      </c>
      <c r="C3" s="39" t="s">
        <v>149</v>
      </c>
      <c r="D3" s="39" t="s">
        <v>879</v>
      </c>
      <c r="E3" s="39" t="s">
        <v>878</v>
      </c>
      <c r="F3" s="39" t="s">
        <v>6</v>
      </c>
      <c r="G3" s="39" t="s">
        <v>7</v>
      </c>
      <c r="H3" s="39" t="s">
        <v>8</v>
      </c>
      <c r="I3" s="39" t="s">
        <v>1121</v>
      </c>
    </row>
    <row r="4" spans="1:9" ht="51" x14ac:dyDescent="0.25">
      <c r="A4" s="34" t="s">
        <v>919</v>
      </c>
      <c r="B4" s="34" t="s">
        <v>954</v>
      </c>
      <c r="C4" s="34" t="s">
        <v>918</v>
      </c>
      <c r="D4" s="34" t="s">
        <v>912</v>
      </c>
      <c r="E4" s="34" t="s">
        <v>915</v>
      </c>
      <c r="F4" s="40"/>
      <c r="G4" s="40" t="s">
        <v>16</v>
      </c>
      <c r="H4" s="40" t="s">
        <v>16</v>
      </c>
      <c r="I4" s="34" t="s">
        <v>1142</v>
      </c>
    </row>
    <row r="5" spans="1:9" ht="51" x14ac:dyDescent="0.25">
      <c r="A5" s="34" t="s">
        <v>919</v>
      </c>
      <c r="B5" s="34" t="s">
        <v>954</v>
      </c>
      <c r="C5" s="34" t="s">
        <v>918</v>
      </c>
      <c r="D5" s="34" t="s">
        <v>913</v>
      </c>
      <c r="E5" s="34" t="s">
        <v>916</v>
      </c>
      <c r="F5" s="40" t="s">
        <v>16</v>
      </c>
      <c r="G5" s="40" t="s">
        <v>16</v>
      </c>
      <c r="H5" s="40"/>
      <c r="I5" s="34" t="s">
        <v>1142</v>
      </c>
    </row>
    <row r="6" spans="1:9" ht="51" x14ac:dyDescent="0.25">
      <c r="A6" s="34" t="s">
        <v>919</v>
      </c>
      <c r="B6" s="34" t="s">
        <v>954</v>
      </c>
      <c r="C6" s="34" t="s">
        <v>918</v>
      </c>
      <c r="D6" s="34" t="s">
        <v>914</v>
      </c>
      <c r="E6" s="34" t="s">
        <v>917</v>
      </c>
      <c r="F6" s="40" t="s">
        <v>16</v>
      </c>
      <c r="G6" s="40" t="s">
        <v>16</v>
      </c>
      <c r="H6" s="40"/>
      <c r="I6" s="34" t="s">
        <v>1142</v>
      </c>
    </row>
    <row r="7" spans="1:9" ht="89.25" x14ac:dyDescent="0.25">
      <c r="A7" s="34" t="s">
        <v>919</v>
      </c>
      <c r="B7" s="34" t="s">
        <v>954</v>
      </c>
      <c r="C7" s="34" t="s">
        <v>920</v>
      </c>
      <c r="D7" s="34" t="s">
        <v>921</v>
      </c>
      <c r="E7" s="34" t="s">
        <v>937</v>
      </c>
      <c r="F7" s="40" t="s">
        <v>16</v>
      </c>
      <c r="G7" s="40" t="s">
        <v>16</v>
      </c>
      <c r="H7" s="40"/>
      <c r="I7" s="34" t="s">
        <v>1142</v>
      </c>
    </row>
    <row r="8" spans="1:9" ht="114.75" x14ac:dyDescent="0.25">
      <c r="A8" s="34" t="s">
        <v>919</v>
      </c>
      <c r="B8" s="34" t="s">
        <v>954</v>
      </c>
      <c r="C8" s="34" t="s">
        <v>920</v>
      </c>
      <c r="D8" s="34" t="s">
        <v>922</v>
      </c>
      <c r="E8" s="34" t="s">
        <v>938</v>
      </c>
      <c r="F8" s="40" t="s">
        <v>16</v>
      </c>
      <c r="G8" s="40" t="s">
        <v>16</v>
      </c>
      <c r="H8" s="40" t="s">
        <v>16</v>
      </c>
      <c r="I8" s="34"/>
    </row>
    <row r="9" spans="1:9" ht="51" x14ac:dyDescent="0.25">
      <c r="A9" s="34" t="s">
        <v>919</v>
      </c>
      <c r="B9" s="34" t="s">
        <v>954</v>
      </c>
      <c r="C9" s="34" t="s">
        <v>920</v>
      </c>
      <c r="D9" s="34" t="s">
        <v>923</v>
      </c>
      <c r="E9" s="34" t="s">
        <v>939</v>
      </c>
      <c r="F9" s="40"/>
      <c r="G9" s="40" t="s">
        <v>16</v>
      </c>
      <c r="H9" s="40" t="s">
        <v>16</v>
      </c>
      <c r="I9" s="34"/>
    </row>
    <row r="10" spans="1:9" ht="51" x14ac:dyDescent="0.25">
      <c r="A10" s="34" t="s">
        <v>919</v>
      </c>
      <c r="B10" s="34" t="s">
        <v>954</v>
      </c>
      <c r="C10" s="34" t="s">
        <v>920</v>
      </c>
      <c r="D10" s="34" t="s">
        <v>924</v>
      </c>
      <c r="E10" s="34" t="s">
        <v>940</v>
      </c>
      <c r="F10" s="40"/>
      <c r="G10" s="40" t="s">
        <v>16</v>
      </c>
      <c r="H10" s="40" t="s">
        <v>16</v>
      </c>
      <c r="I10" s="34"/>
    </row>
    <row r="11" spans="1:9" ht="51" x14ac:dyDescent="0.25">
      <c r="A11" s="34" t="s">
        <v>919</v>
      </c>
      <c r="B11" s="34" t="s">
        <v>954</v>
      </c>
      <c r="C11" s="34" t="s">
        <v>920</v>
      </c>
      <c r="D11" s="34" t="s">
        <v>925</v>
      </c>
      <c r="E11" s="34" t="s">
        <v>941</v>
      </c>
      <c r="F11" s="40"/>
      <c r="G11" s="40" t="s">
        <v>16</v>
      </c>
      <c r="H11" s="40"/>
      <c r="I11" s="34" t="s">
        <v>1142</v>
      </c>
    </row>
    <row r="12" spans="1:9" ht="51" x14ac:dyDescent="0.25">
      <c r="A12" s="34" t="s">
        <v>919</v>
      </c>
      <c r="B12" s="34" t="s">
        <v>954</v>
      </c>
      <c r="C12" s="34" t="s">
        <v>920</v>
      </c>
      <c r="D12" s="34" t="s">
        <v>926</v>
      </c>
      <c r="E12" s="34" t="s">
        <v>942</v>
      </c>
      <c r="F12" s="40" t="s">
        <v>16</v>
      </c>
      <c r="G12" s="40" t="s">
        <v>16</v>
      </c>
      <c r="H12" s="40"/>
      <c r="I12" s="34" t="s">
        <v>1142</v>
      </c>
    </row>
    <row r="13" spans="1:9" ht="51" x14ac:dyDescent="0.25">
      <c r="A13" s="34" t="s">
        <v>919</v>
      </c>
      <c r="B13" s="34" t="s">
        <v>954</v>
      </c>
      <c r="C13" s="34" t="s">
        <v>920</v>
      </c>
      <c r="D13" s="34" t="s">
        <v>927</v>
      </c>
      <c r="E13" s="34" t="s">
        <v>943</v>
      </c>
      <c r="F13" s="40"/>
      <c r="G13" s="40" t="s">
        <v>16</v>
      </c>
      <c r="H13" s="40" t="s">
        <v>16</v>
      </c>
      <c r="I13" s="34"/>
    </row>
    <row r="14" spans="1:9" ht="76.5" x14ac:dyDescent="0.25">
      <c r="A14" s="34" t="s">
        <v>919</v>
      </c>
      <c r="B14" s="34" t="s">
        <v>954</v>
      </c>
      <c r="C14" s="34" t="s">
        <v>920</v>
      </c>
      <c r="D14" s="34" t="s">
        <v>928</v>
      </c>
      <c r="E14" s="34" t="s">
        <v>944</v>
      </c>
      <c r="F14" s="40"/>
      <c r="G14" s="40" t="s">
        <v>16</v>
      </c>
      <c r="H14" s="40" t="s">
        <v>16</v>
      </c>
      <c r="I14" s="34"/>
    </row>
    <row r="15" spans="1:9" ht="63.75" x14ac:dyDescent="0.25">
      <c r="A15" s="34" t="s">
        <v>919</v>
      </c>
      <c r="B15" s="34" t="s">
        <v>954</v>
      </c>
      <c r="C15" s="34" t="s">
        <v>920</v>
      </c>
      <c r="D15" s="34" t="s">
        <v>929</v>
      </c>
      <c r="E15" s="34" t="s">
        <v>945</v>
      </c>
      <c r="F15" s="40"/>
      <c r="G15" s="40" t="s">
        <v>16</v>
      </c>
      <c r="H15" s="40" t="s">
        <v>16</v>
      </c>
      <c r="I15" s="34"/>
    </row>
    <row r="16" spans="1:9" ht="76.5" x14ac:dyDescent="0.25">
      <c r="A16" s="34" t="s">
        <v>919</v>
      </c>
      <c r="B16" s="34" t="s">
        <v>954</v>
      </c>
      <c r="C16" s="34" t="s">
        <v>920</v>
      </c>
      <c r="D16" s="34" t="s">
        <v>930</v>
      </c>
      <c r="E16" s="34" t="s">
        <v>946</v>
      </c>
      <c r="F16" s="40"/>
      <c r="G16" s="40" t="s">
        <v>16</v>
      </c>
      <c r="H16" s="40" t="s">
        <v>16</v>
      </c>
      <c r="I16" s="34"/>
    </row>
    <row r="17" spans="1:9" ht="51" x14ac:dyDescent="0.25">
      <c r="A17" s="34" t="s">
        <v>919</v>
      </c>
      <c r="B17" s="34" t="s">
        <v>954</v>
      </c>
      <c r="C17" s="34" t="s">
        <v>920</v>
      </c>
      <c r="D17" s="34" t="s">
        <v>931</v>
      </c>
      <c r="E17" s="34" t="s">
        <v>947</v>
      </c>
      <c r="F17" s="40"/>
      <c r="G17" s="40" t="s">
        <v>16</v>
      </c>
      <c r="H17" s="40" t="s">
        <v>16</v>
      </c>
      <c r="I17" s="34"/>
    </row>
    <row r="18" spans="1:9" ht="51" x14ac:dyDescent="0.25">
      <c r="A18" s="34" t="s">
        <v>919</v>
      </c>
      <c r="B18" s="34" t="s">
        <v>954</v>
      </c>
      <c r="C18" s="34" t="s">
        <v>920</v>
      </c>
      <c r="D18" s="34" t="s">
        <v>932</v>
      </c>
      <c r="E18" s="34" t="s">
        <v>948</v>
      </c>
      <c r="F18" s="40"/>
      <c r="G18" s="40" t="s">
        <v>16</v>
      </c>
      <c r="H18" s="40" t="s">
        <v>16</v>
      </c>
      <c r="I18" s="34"/>
    </row>
    <row r="19" spans="1:9" ht="51" x14ac:dyDescent="0.25">
      <c r="A19" s="34" t="s">
        <v>919</v>
      </c>
      <c r="B19" s="34" t="s">
        <v>954</v>
      </c>
      <c r="C19" s="34" t="s">
        <v>920</v>
      </c>
      <c r="D19" s="34" t="s">
        <v>933</v>
      </c>
      <c r="E19" s="34" t="s">
        <v>949</v>
      </c>
      <c r="F19" s="40" t="s">
        <v>16</v>
      </c>
      <c r="G19" s="40" t="s">
        <v>16</v>
      </c>
      <c r="H19" s="40" t="s">
        <v>16</v>
      </c>
      <c r="I19" s="34"/>
    </row>
    <row r="20" spans="1:9" ht="51" x14ac:dyDescent="0.25">
      <c r="A20" s="34" t="s">
        <v>919</v>
      </c>
      <c r="B20" s="34" t="s">
        <v>954</v>
      </c>
      <c r="C20" s="34" t="s">
        <v>920</v>
      </c>
      <c r="D20" s="34" t="s">
        <v>934</v>
      </c>
      <c r="E20" s="34" t="s">
        <v>950</v>
      </c>
      <c r="F20" s="40"/>
      <c r="G20" s="40" t="s">
        <v>16</v>
      </c>
      <c r="H20" s="40" t="s">
        <v>16</v>
      </c>
      <c r="I20" s="34"/>
    </row>
    <row r="21" spans="1:9" ht="51" x14ac:dyDescent="0.25">
      <c r="A21" s="34" t="s">
        <v>919</v>
      </c>
      <c r="B21" s="34" t="s">
        <v>954</v>
      </c>
      <c r="C21" s="34" t="s">
        <v>920</v>
      </c>
      <c r="D21" s="34" t="s">
        <v>935</v>
      </c>
      <c r="E21" s="34" t="s">
        <v>951</v>
      </c>
      <c r="F21" s="40"/>
      <c r="G21" s="40" t="s">
        <v>16</v>
      </c>
      <c r="H21" s="40" t="s">
        <v>16</v>
      </c>
      <c r="I21" s="34"/>
    </row>
    <row r="22" spans="1:9" ht="51" x14ac:dyDescent="0.25">
      <c r="A22" s="34" t="s">
        <v>919</v>
      </c>
      <c r="B22" s="34" t="s">
        <v>954</v>
      </c>
      <c r="C22" s="34" t="s">
        <v>920</v>
      </c>
      <c r="D22" s="34" t="s">
        <v>936</v>
      </c>
      <c r="E22" s="34" t="s">
        <v>952</v>
      </c>
      <c r="F22" s="40" t="s">
        <v>16</v>
      </c>
      <c r="G22" s="40" t="s">
        <v>16</v>
      </c>
      <c r="H22" s="40" t="s">
        <v>16</v>
      </c>
      <c r="I22" s="34"/>
    </row>
    <row r="23" spans="1:9" ht="51" x14ac:dyDescent="0.25">
      <c r="A23" s="34" t="s">
        <v>919</v>
      </c>
      <c r="B23" s="34" t="s">
        <v>954</v>
      </c>
      <c r="C23" s="34" t="s">
        <v>920</v>
      </c>
      <c r="D23" s="34" t="s">
        <v>1030</v>
      </c>
      <c r="E23" s="34" t="s">
        <v>1031</v>
      </c>
      <c r="F23" s="40"/>
      <c r="G23" s="40" t="s">
        <v>16</v>
      </c>
      <c r="H23" s="40" t="s">
        <v>16</v>
      </c>
      <c r="I23" s="34"/>
    </row>
    <row r="24" spans="1:9" ht="51" x14ac:dyDescent="0.25">
      <c r="A24" s="34" t="s">
        <v>919</v>
      </c>
      <c r="B24" s="34" t="s">
        <v>966</v>
      </c>
      <c r="C24" s="34" t="s">
        <v>918</v>
      </c>
      <c r="D24" s="34" t="s">
        <v>955</v>
      </c>
      <c r="E24" s="34" t="s">
        <v>961</v>
      </c>
      <c r="F24" s="40"/>
      <c r="G24" s="40" t="s">
        <v>16</v>
      </c>
      <c r="H24" s="40" t="s">
        <v>16</v>
      </c>
      <c r="I24" s="34"/>
    </row>
    <row r="25" spans="1:9" ht="51" x14ac:dyDescent="0.25">
      <c r="A25" s="34" t="s">
        <v>919</v>
      </c>
      <c r="B25" s="34" t="s">
        <v>966</v>
      </c>
      <c r="C25" s="34" t="s">
        <v>918</v>
      </c>
      <c r="D25" s="34" t="s">
        <v>956</v>
      </c>
      <c r="E25" s="34" t="s">
        <v>962</v>
      </c>
      <c r="F25" s="40"/>
      <c r="G25" s="40" t="s">
        <v>16</v>
      </c>
      <c r="H25" s="40" t="s">
        <v>16</v>
      </c>
      <c r="I25" s="34"/>
    </row>
    <row r="26" spans="1:9" ht="51" x14ac:dyDescent="0.25">
      <c r="A26" s="34" t="s">
        <v>919</v>
      </c>
      <c r="B26" s="34" t="s">
        <v>966</v>
      </c>
      <c r="C26" s="34" t="s">
        <v>918</v>
      </c>
      <c r="D26" s="34" t="s">
        <v>957</v>
      </c>
      <c r="E26" s="34" t="s">
        <v>963</v>
      </c>
      <c r="F26" s="40" t="s">
        <v>16</v>
      </c>
      <c r="G26" s="40" t="s">
        <v>16</v>
      </c>
      <c r="H26" s="40"/>
      <c r="I26" s="34"/>
    </row>
    <row r="27" spans="1:9" ht="51" x14ac:dyDescent="0.25">
      <c r="A27" s="34" t="s">
        <v>919</v>
      </c>
      <c r="B27" s="34" t="s">
        <v>966</v>
      </c>
      <c r="C27" s="34" t="s">
        <v>918</v>
      </c>
      <c r="D27" s="34" t="s">
        <v>958</v>
      </c>
      <c r="E27" s="34" t="s">
        <v>964</v>
      </c>
      <c r="F27" s="40" t="s">
        <v>16</v>
      </c>
      <c r="G27" s="40" t="s">
        <v>16</v>
      </c>
      <c r="H27" s="40" t="s">
        <v>16</v>
      </c>
      <c r="I27" s="34"/>
    </row>
    <row r="28" spans="1:9" ht="51" x14ac:dyDescent="0.25">
      <c r="A28" s="34" t="s">
        <v>919</v>
      </c>
      <c r="B28" s="34" t="s">
        <v>966</v>
      </c>
      <c r="C28" s="34" t="s">
        <v>918</v>
      </c>
      <c r="D28" s="34" t="s">
        <v>959</v>
      </c>
      <c r="E28" s="34" t="s">
        <v>1148</v>
      </c>
      <c r="F28" s="40" t="s">
        <v>16</v>
      </c>
      <c r="G28" s="40" t="s">
        <v>16</v>
      </c>
      <c r="H28" s="40" t="s">
        <v>16</v>
      </c>
      <c r="I28" s="34"/>
    </row>
    <row r="29" spans="1:9" ht="51" x14ac:dyDescent="0.25">
      <c r="A29" s="34" t="s">
        <v>919</v>
      </c>
      <c r="B29" s="34" t="s">
        <v>966</v>
      </c>
      <c r="C29" s="34" t="s">
        <v>918</v>
      </c>
      <c r="D29" s="34" t="s">
        <v>960</v>
      </c>
      <c r="E29" s="34" t="s">
        <v>965</v>
      </c>
      <c r="F29" s="40" t="s">
        <v>16</v>
      </c>
      <c r="G29" s="40" t="s">
        <v>16</v>
      </c>
      <c r="H29" s="40" t="s">
        <v>16</v>
      </c>
      <c r="I29" s="34"/>
    </row>
    <row r="30" spans="1:9" ht="51" x14ac:dyDescent="0.25">
      <c r="A30" s="34" t="s">
        <v>919</v>
      </c>
      <c r="B30" s="34" t="s">
        <v>966</v>
      </c>
      <c r="C30" s="34" t="s">
        <v>920</v>
      </c>
      <c r="D30" s="34" t="s">
        <v>967</v>
      </c>
      <c r="E30" s="34" t="s">
        <v>972</v>
      </c>
      <c r="F30" s="40" t="s">
        <v>16</v>
      </c>
      <c r="G30" s="40" t="s">
        <v>16</v>
      </c>
      <c r="H30" s="40" t="s">
        <v>16</v>
      </c>
      <c r="I30" s="34"/>
    </row>
    <row r="31" spans="1:9" ht="63.75" x14ac:dyDescent="0.25">
      <c r="A31" s="34" t="s">
        <v>919</v>
      </c>
      <c r="B31" s="34" t="s">
        <v>966</v>
      </c>
      <c r="C31" s="34" t="s">
        <v>920</v>
      </c>
      <c r="D31" s="34" t="s">
        <v>968</v>
      </c>
      <c r="E31" s="34" t="s">
        <v>973</v>
      </c>
      <c r="F31" s="40" t="s">
        <v>16</v>
      </c>
      <c r="G31" s="40" t="s">
        <v>16</v>
      </c>
      <c r="H31" s="40"/>
      <c r="I31" s="34" t="s">
        <v>1142</v>
      </c>
    </row>
    <row r="32" spans="1:9" ht="51" x14ac:dyDescent="0.25">
      <c r="A32" s="34" t="s">
        <v>919</v>
      </c>
      <c r="B32" s="34" t="s">
        <v>966</v>
      </c>
      <c r="C32" s="34" t="s">
        <v>920</v>
      </c>
      <c r="D32" s="34" t="s">
        <v>969</v>
      </c>
      <c r="E32" s="34" t="s">
        <v>974</v>
      </c>
      <c r="F32" s="40" t="s">
        <v>16</v>
      </c>
      <c r="G32" s="40" t="s">
        <v>16</v>
      </c>
      <c r="H32" s="40"/>
      <c r="I32" s="34"/>
    </row>
    <row r="33" spans="1:9" ht="51" x14ac:dyDescent="0.25">
      <c r="A33" s="34" t="s">
        <v>919</v>
      </c>
      <c r="B33" s="34" t="s">
        <v>966</v>
      </c>
      <c r="C33" s="34" t="s">
        <v>920</v>
      </c>
      <c r="D33" s="34" t="s">
        <v>970</v>
      </c>
      <c r="E33" s="34" t="s">
        <v>975</v>
      </c>
      <c r="F33" s="40" t="s">
        <v>16</v>
      </c>
      <c r="G33" s="40" t="s">
        <v>16</v>
      </c>
      <c r="H33" s="40" t="s">
        <v>16</v>
      </c>
      <c r="I33" s="34"/>
    </row>
    <row r="34" spans="1:9" ht="51" x14ac:dyDescent="0.25">
      <c r="A34" s="34" t="s">
        <v>919</v>
      </c>
      <c r="B34" s="34" t="s">
        <v>966</v>
      </c>
      <c r="C34" s="34" t="s">
        <v>920</v>
      </c>
      <c r="D34" s="34" t="s">
        <v>971</v>
      </c>
      <c r="E34" s="34" t="s">
        <v>976</v>
      </c>
      <c r="F34" s="40" t="s">
        <v>16</v>
      </c>
      <c r="G34" s="40" t="s">
        <v>16</v>
      </c>
      <c r="H34" s="40"/>
      <c r="I34" s="34" t="s">
        <v>1142</v>
      </c>
    </row>
    <row r="35" spans="1:9" ht="51" x14ac:dyDescent="0.25">
      <c r="A35" s="34" t="s">
        <v>919</v>
      </c>
      <c r="B35" s="34" t="s">
        <v>966</v>
      </c>
      <c r="C35" s="34" t="s">
        <v>920</v>
      </c>
      <c r="D35" s="34" t="s">
        <v>1032</v>
      </c>
      <c r="E35" s="34" t="s">
        <v>1034</v>
      </c>
      <c r="F35" s="40"/>
      <c r="G35" s="40" t="s">
        <v>16</v>
      </c>
      <c r="H35" s="40" t="s">
        <v>16</v>
      </c>
      <c r="I35" s="34"/>
    </row>
    <row r="36" spans="1:9" ht="51" x14ac:dyDescent="0.25">
      <c r="A36" s="34" t="s">
        <v>919</v>
      </c>
      <c r="B36" s="34" t="s">
        <v>966</v>
      </c>
      <c r="C36" s="34" t="s">
        <v>920</v>
      </c>
      <c r="D36" s="34" t="s">
        <v>1033</v>
      </c>
      <c r="E36" s="34" t="s">
        <v>1035</v>
      </c>
      <c r="F36" s="40" t="s">
        <v>16</v>
      </c>
      <c r="G36" s="40"/>
      <c r="H36" s="40"/>
      <c r="I36" s="34"/>
    </row>
    <row r="37" spans="1:9" ht="51" x14ac:dyDescent="0.25">
      <c r="A37" s="34" t="s">
        <v>919</v>
      </c>
      <c r="B37" s="34" t="s">
        <v>988</v>
      </c>
      <c r="C37" s="34" t="s">
        <v>920</v>
      </c>
      <c r="D37" s="34" t="s">
        <v>977</v>
      </c>
      <c r="E37" s="34" t="s">
        <v>982</v>
      </c>
      <c r="F37" s="40" t="s">
        <v>16</v>
      </c>
      <c r="G37" s="40" t="s">
        <v>16</v>
      </c>
      <c r="H37" s="40" t="s">
        <v>16</v>
      </c>
      <c r="I37" s="34"/>
    </row>
    <row r="38" spans="1:9" ht="51" x14ac:dyDescent="0.25">
      <c r="A38" s="34" t="s">
        <v>919</v>
      </c>
      <c r="B38" s="34" t="s">
        <v>988</v>
      </c>
      <c r="C38" s="34" t="s">
        <v>920</v>
      </c>
      <c r="D38" s="34" t="s">
        <v>978</v>
      </c>
      <c r="E38" s="34" t="s">
        <v>983</v>
      </c>
      <c r="F38" s="40" t="s">
        <v>16</v>
      </c>
      <c r="G38" s="40" t="s">
        <v>16</v>
      </c>
      <c r="H38" s="40" t="s">
        <v>16</v>
      </c>
      <c r="I38" s="34"/>
    </row>
    <row r="39" spans="1:9" ht="51" x14ac:dyDescent="0.25">
      <c r="A39" s="34" t="s">
        <v>919</v>
      </c>
      <c r="B39" s="34" t="s">
        <v>988</v>
      </c>
      <c r="C39" s="34" t="s">
        <v>918</v>
      </c>
      <c r="D39" s="34" t="s">
        <v>979</v>
      </c>
      <c r="E39" s="34" t="s">
        <v>984</v>
      </c>
      <c r="F39" s="40" t="s">
        <v>16</v>
      </c>
      <c r="G39" s="40" t="s">
        <v>16</v>
      </c>
      <c r="H39" s="40" t="s">
        <v>16</v>
      </c>
      <c r="I39" s="34"/>
    </row>
    <row r="40" spans="1:9" ht="51" x14ac:dyDescent="0.25">
      <c r="A40" s="34" t="s">
        <v>919</v>
      </c>
      <c r="B40" s="34" t="s">
        <v>988</v>
      </c>
      <c r="C40" s="34" t="s">
        <v>987</v>
      </c>
      <c r="D40" s="34" t="s">
        <v>980</v>
      </c>
      <c r="E40" s="34" t="s">
        <v>985</v>
      </c>
      <c r="F40" s="40" t="s">
        <v>16</v>
      </c>
      <c r="G40" s="40" t="s">
        <v>16</v>
      </c>
      <c r="H40" s="40" t="s">
        <v>16</v>
      </c>
      <c r="I40" s="34"/>
    </row>
    <row r="41" spans="1:9" ht="51" x14ac:dyDescent="0.25">
      <c r="A41" s="34" t="s">
        <v>919</v>
      </c>
      <c r="B41" s="34" t="s">
        <v>988</v>
      </c>
      <c r="C41" s="34" t="s">
        <v>987</v>
      </c>
      <c r="D41" s="34" t="s">
        <v>981</v>
      </c>
      <c r="E41" s="34" t="s">
        <v>986</v>
      </c>
      <c r="F41" s="40"/>
      <c r="G41" s="40" t="s">
        <v>16</v>
      </c>
      <c r="H41" s="40" t="s">
        <v>16</v>
      </c>
      <c r="I41" s="34"/>
    </row>
    <row r="42" spans="1:9" ht="63.75" x14ac:dyDescent="0.25">
      <c r="A42" s="34" t="s">
        <v>919</v>
      </c>
      <c r="B42" s="34" t="s">
        <v>1146</v>
      </c>
      <c r="C42" s="34" t="s">
        <v>987</v>
      </c>
      <c r="D42" s="34" t="s">
        <v>989</v>
      </c>
      <c r="E42" s="34" t="s">
        <v>1010</v>
      </c>
      <c r="F42" s="40" t="s">
        <v>16</v>
      </c>
      <c r="G42" s="40" t="s">
        <v>16</v>
      </c>
      <c r="H42" s="40" t="s">
        <v>16</v>
      </c>
      <c r="I42" s="34"/>
    </row>
    <row r="43" spans="1:9" ht="63.75" x14ac:dyDescent="0.25">
      <c r="A43" s="34" t="s">
        <v>919</v>
      </c>
      <c r="B43" s="34" t="s">
        <v>1146</v>
      </c>
      <c r="C43" s="34" t="s">
        <v>987</v>
      </c>
      <c r="D43" s="34" t="s">
        <v>990</v>
      </c>
      <c r="E43" s="34" t="s">
        <v>1011</v>
      </c>
      <c r="F43" s="40"/>
      <c r="G43" s="40" t="s">
        <v>16</v>
      </c>
      <c r="H43" s="40" t="s">
        <v>16</v>
      </c>
      <c r="I43" s="34"/>
    </row>
    <row r="44" spans="1:9" ht="63.75" x14ac:dyDescent="0.25">
      <c r="A44" s="34" t="s">
        <v>919</v>
      </c>
      <c r="B44" s="34" t="s">
        <v>1146</v>
      </c>
      <c r="C44" s="34" t="s">
        <v>987</v>
      </c>
      <c r="D44" s="34" t="s">
        <v>991</v>
      </c>
      <c r="E44" s="34" t="s">
        <v>1011</v>
      </c>
      <c r="F44" s="40"/>
      <c r="G44" s="40" t="s">
        <v>16</v>
      </c>
      <c r="H44" s="40" t="s">
        <v>16</v>
      </c>
      <c r="I44" s="34"/>
    </row>
    <row r="45" spans="1:9" ht="76.5" x14ac:dyDescent="0.25">
      <c r="A45" s="34" t="s">
        <v>919</v>
      </c>
      <c r="B45" s="34" t="s">
        <v>1146</v>
      </c>
      <c r="C45" s="34" t="s">
        <v>987</v>
      </c>
      <c r="D45" s="34" t="s">
        <v>992</v>
      </c>
      <c r="E45" s="34" t="s">
        <v>1012</v>
      </c>
      <c r="F45" s="40"/>
      <c r="G45" s="40" t="s">
        <v>16</v>
      </c>
      <c r="H45" s="40" t="s">
        <v>16</v>
      </c>
      <c r="I45" s="34"/>
    </row>
    <row r="46" spans="1:9" ht="76.5" x14ac:dyDescent="0.25">
      <c r="A46" s="34" t="s">
        <v>919</v>
      </c>
      <c r="B46" s="34" t="s">
        <v>1146</v>
      </c>
      <c r="C46" s="34" t="s">
        <v>987</v>
      </c>
      <c r="D46" s="34" t="s">
        <v>993</v>
      </c>
      <c r="E46" s="34" t="s">
        <v>1013</v>
      </c>
      <c r="F46" s="40"/>
      <c r="G46" s="40" t="s">
        <v>16</v>
      </c>
      <c r="H46" s="40" t="s">
        <v>16</v>
      </c>
      <c r="I46" s="34"/>
    </row>
    <row r="47" spans="1:9" ht="76.5" x14ac:dyDescent="0.25">
      <c r="A47" s="34" t="s">
        <v>919</v>
      </c>
      <c r="B47" s="34" t="s">
        <v>1146</v>
      </c>
      <c r="C47" s="34" t="s">
        <v>987</v>
      </c>
      <c r="D47" s="34" t="s">
        <v>994</v>
      </c>
      <c r="E47" s="34" t="s">
        <v>1014</v>
      </c>
      <c r="F47" s="40"/>
      <c r="G47" s="40" t="s">
        <v>16</v>
      </c>
      <c r="H47" s="40" t="s">
        <v>16</v>
      </c>
      <c r="I47" s="34"/>
    </row>
    <row r="48" spans="1:9" ht="51" x14ac:dyDescent="0.25">
      <c r="A48" s="34" t="s">
        <v>919</v>
      </c>
      <c r="B48" s="34" t="s">
        <v>1146</v>
      </c>
      <c r="C48" s="34" t="s">
        <v>987</v>
      </c>
      <c r="D48" s="34" t="s">
        <v>995</v>
      </c>
      <c r="E48" s="34" t="s">
        <v>1015</v>
      </c>
      <c r="F48" s="40"/>
      <c r="G48" s="40" t="s">
        <v>16</v>
      </c>
      <c r="H48" s="40" t="s">
        <v>16</v>
      </c>
      <c r="I48" s="34"/>
    </row>
    <row r="49" spans="1:9" ht="51" x14ac:dyDescent="0.25">
      <c r="A49" s="34" t="s">
        <v>919</v>
      </c>
      <c r="B49" s="34" t="s">
        <v>1146</v>
      </c>
      <c r="C49" s="34" t="s">
        <v>987</v>
      </c>
      <c r="D49" s="34" t="s">
        <v>996</v>
      </c>
      <c r="E49" s="34" t="s">
        <v>1016</v>
      </c>
      <c r="F49" s="40"/>
      <c r="G49" s="40" t="s">
        <v>16</v>
      </c>
      <c r="H49" s="40" t="s">
        <v>16</v>
      </c>
      <c r="I49" s="34"/>
    </row>
    <row r="50" spans="1:9" ht="51" x14ac:dyDescent="0.25">
      <c r="A50" s="34" t="s">
        <v>919</v>
      </c>
      <c r="B50" s="34" t="s">
        <v>1146</v>
      </c>
      <c r="C50" s="34" t="s">
        <v>987</v>
      </c>
      <c r="D50" s="34" t="s">
        <v>997</v>
      </c>
      <c r="E50" s="34" t="s">
        <v>1017</v>
      </c>
      <c r="F50" s="40"/>
      <c r="G50" s="40" t="s">
        <v>16</v>
      </c>
      <c r="H50" s="40" t="s">
        <v>16</v>
      </c>
      <c r="I50" s="34"/>
    </row>
    <row r="51" spans="1:9" ht="51" x14ac:dyDescent="0.25">
      <c r="A51" s="34" t="s">
        <v>919</v>
      </c>
      <c r="B51" s="34" t="s">
        <v>1146</v>
      </c>
      <c r="C51" s="34" t="s">
        <v>987</v>
      </c>
      <c r="D51" s="34" t="s">
        <v>998</v>
      </c>
      <c r="E51" s="34" t="s">
        <v>1018</v>
      </c>
      <c r="F51" s="40"/>
      <c r="G51" s="40" t="s">
        <v>16</v>
      </c>
      <c r="H51" s="40" t="s">
        <v>16</v>
      </c>
      <c r="I51" s="34"/>
    </row>
    <row r="52" spans="1:9" ht="51" x14ac:dyDescent="0.25">
      <c r="A52" s="34" t="s">
        <v>919</v>
      </c>
      <c r="B52" s="34" t="s">
        <v>1146</v>
      </c>
      <c r="C52" s="34" t="s">
        <v>987</v>
      </c>
      <c r="D52" s="34" t="s">
        <v>999</v>
      </c>
      <c r="E52" s="34" t="s">
        <v>1019</v>
      </c>
      <c r="F52" s="40"/>
      <c r="G52" s="40" t="s">
        <v>16</v>
      </c>
      <c r="H52" s="40" t="s">
        <v>16</v>
      </c>
      <c r="I52" s="34"/>
    </row>
    <row r="53" spans="1:9" ht="51" x14ac:dyDescent="0.25">
      <c r="A53" s="34" t="s">
        <v>919</v>
      </c>
      <c r="B53" s="34" t="s">
        <v>1146</v>
      </c>
      <c r="C53" s="34" t="s">
        <v>987</v>
      </c>
      <c r="D53" s="34" t="s">
        <v>1000</v>
      </c>
      <c r="E53" s="34" t="s">
        <v>1020</v>
      </c>
      <c r="F53" s="40"/>
      <c r="G53" s="40" t="s">
        <v>16</v>
      </c>
      <c r="H53" s="40" t="s">
        <v>16</v>
      </c>
      <c r="I53" s="34"/>
    </row>
    <row r="54" spans="1:9" ht="51" x14ac:dyDescent="0.25">
      <c r="A54" s="34" t="s">
        <v>919</v>
      </c>
      <c r="B54" s="34" t="s">
        <v>1146</v>
      </c>
      <c r="C54" s="34" t="s">
        <v>987</v>
      </c>
      <c r="D54" s="34" t="s">
        <v>1001</v>
      </c>
      <c r="E54" s="34" t="s">
        <v>1021</v>
      </c>
      <c r="F54" s="40"/>
      <c r="G54" s="40" t="s">
        <v>16</v>
      </c>
      <c r="H54" s="40" t="s">
        <v>16</v>
      </c>
      <c r="I54" s="34"/>
    </row>
    <row r="55" spans="1:9" ht="51" x14ac:dyDescent="0.25">
      <c r="A55" s="34" t="s">
        <v>919</v>
      </c>
      <c r="B55" s="34" t="s">
        <v>1146</v>
      </c>
      <c r="C55" s="34" t="s">
        <v>987</v>
      </c>
      <c r="D55" s="34" t="s">
        <v>1002</v>
      </c>
      <c r="E55" s="34" t="s">
        <v>1022</v>
      </c>
      <c r="F55" s="40"/>
      <c r="G55" s="40" t="s">
        <v>16</v>
      </c>
      <c r="H55" s="40" t="s">
        <v>16</v>
      </c>
      <c r="I55" s="34"/>
    </row>
    <row r="56" spans="1:9" ht="51" x14ac:dyDescent="0.25">
      <c r="A56" s="34" t="s">
        <v>919</v>
      </c>
      <c r="B56" s="34" t="s">
        <v>1146</v>
      </c>
      <c r="C56" s="34" t="s">
        <v>987</v>
      </c>
      <c r="D56" s="34" t="s">
        <v>1003</v>
      </c>
      <c r="E56" s="34" t="s">
        <v>1023</v>
      </c>
      <c r="F56" s="40"/>
      <c r="G56" s="40" t="s">
        <v>16</v>
      </c>
      <c r="H56" s="40" t="s">
        <v>16</v>
      </c>
      <c r="I56" s="34"/>
    </row>
    <row r="57" spans="1:9" ht="51" x14ac:dyDescent="0.25">
      <c r="A57" s="34" t="s">
        <v>919</v>
      </c>
      <c r="B57" s="34" t="s">
        <v>1146</v>
      </c>
      <c r="C57" s="34" t="s">
        <v>987</v>
      </c>
      <c r="D57" s="34" t="s">
        <v>1004</v>
      </c>
      <c r="E57" s="34" t="s">
        <v>1024</v>
      </c>
      <c r="F57" s="40"/>
      <c r="G57" s="40" t="s">
        <v>16</v>
      </c>
      <c r="H57" s="40" t="s">
        <v>16</v>
      </c>
      <c r="I57" s="34"/>
    </row>
    <row r="58" spans="1:9" ht="51" x14ac:dyDescent="0.25">
      <c r="A58" s="34" t="s">
        <v>919</v>
      </c>
      <c r="B58" s="34" t="s">
        <v>1146</v>
      </c>
      <c r="C58" s="34" t="s">
        <v>987</v>
      </c>
      <c r="D58" s="34" t="s">
        <v>1005</v>
      </c>
      <c r="E58" s="34" t="s">
        <v>1025</v>
      </c>
      <c r="F58" s="40"/>
      <c r="G58" s="40" t="s">
        <v>16</v>
      </c>
      <c r="H58" s="40" t="s">
        <v>16</v>
      </c>
      <c r="I58" s="34"/>
    </row>
    <row r="59" spans="1:9" ht="51" x14ac:dyDescent="0.25">
      <c r="A59" s="34" t="s">
        <v>919</v>
      </c>
      <c r="B59" s="34" t="s">
        <v>1146</v>
      </c>
      <c r="C59" s="34" t="s">
        <v>987</v>
      </c>
      <c r="D59" s="34" t="s">
        <v>1006</v>
      </c>
      <c r="E59" s="34" t="s">
        <v>1026</v>
      </c>
      <c r="F59" s="40"/>
      <c r="G59" s="40" t="s">
        <v>16</v>
      </c>
      <c r="H59" s="40"/>
      <c r="I59" s="34"/>
    </row>
    <row r="60" spans="1:9" ht="51" x14ac:dyDescent="0.25">
      <c r="A60" s="34" t="s">
        <v>919</v>
      </c>
      <c r="B60" s="34" t="s">
        <v>1146</v>
      </c>
      <c r="C60" s="34" t="s">
        <v>987</v>
      </c>
      <c r="D60" s="34" t="s">
        <v>1007</v>
      </c>
      <c r="E60" s="34" t="s">
        <v>1027</v>
      </c>
      <c r="F60" s="40"/>
      <c r="G60" s="40" t="s">
        <v>16</v>
      </c>
      <c r="H60" s="40"/>
      <c r="I60" s="34"/>
    </row>
    <row r="61" spans="1:9" ht="51" x14ac:dyDescent="0.25">
      <c r="A61" s="34" t="s">
        <v>919</v>
      </c>
      <c r="B61" s="34" t="s">
        <v>1146</v>
      </c>
      <c r="C61" s="34" t="s">
        <v>987</v>
      </c>
      <c r="D61" s="34" t="s">
        <v>1008</v>
      </c>
      <c r="E61" s="34" t="s">
        <v>1028</v>
      </c>
      <c r="F61" s="40"/>
      <c r="G61" s="40" t="s">
        <v>16</v>
      </c>
      <c r="H61" s="40"/>
      <c r="I61" s="34"/>
    </row>
    <row r="62" spans="1:9" ht="51" x14ac:dyDescent="0.25">
      <c r="A62" s="34" t="s">
        <v>919</v>
      </c>
      <c r="B62" s="34" t="s">
        <v>1146</v>
      </c>
      <c r="C62" s="34" t="s">
        <v>987</v>
      </c>
      <c r="D62" s="34" t="s">
        <v>1009</v>
      </c>
      <c r="E62" s="34" t="s">
        <v>1029</v>
      </c>
      <c r="F62" s="40" t="s">
        <v>16</v>
      </c>
      <c r="G62" s="40" t="s">
        <v>16</v>
      </c>
      <c r="H62" s="40" t="s">
        <v>16</v>
      </c>
      <c r="I62" s="34"/>
    </row>
    <row r="63" spans="1:9" ht="51" x14ac:dyDescent="0.25">
      <c r="A63" s="34" t="s">
        <v>919</v>
      </c>
      <c r="B63" s="34" t="s">
        <v>1146</v>
      </c>
      <c r="C63" s="34" t="s">
        <v>987</v>
      </c>
      <c r="D63" s="34" t="s">
        <v>1036</v>
      </c>
      <c r="E63" s="34" t="s">
        <v>1038</v>
      </c>
      <c r="F63" s="40"/>
      <c r="G63" s="40" t="s">
        <v>16</v>
      </c>
      <c r="H63" s="40"/>
      <c r="I63" s="34"/>
    </row>
    <row r="64" spans="1:9" ht="51" x14ac:dyDescent="0.25">
      <c r="A64" s="34" t="s">
        <v>919</v>
      </c>
      <c r="B64" s="34" t="s">
        <v>1146</v>
      </c>
      <c r="C64" s="34" t="s">
        <v>987</v>
      </c>
      <c r="D64" s="34" t="s">
        <v>1037</v>
      </c>
      <c r="E64" s="34" t="s">
        <v>1039</v>
      </c>
      <c r="F64" s="40"/>
      <c r="G64" s="40" t="s">
        <v>16</v>
      </c>
      <c r="H64" s="40"/>
      <c r="I64" s="34"/>
    </row>
    <row r="65" spans="1:9" ht="63.75" x14ac:dyDescent="0.25">
      <c r="A65" s="34" t="s">
        <v>311</v>
      </c>
      <c r="B65" s="34" t="s">
        <v>954</v>
      </c>
      <c r="C65" s="34" t="s">
        <v>918</v>
      </c>
      <c r="D65" s="34" t="s">
        <v>1040</v>
      </c>
      <c r="E65" s="34" t="s">
        <v>1043</v>
      </c>
      <c r="F65" s="40" t="s">
        <v>16</v>
      </c>
      <c r="G65" s="40"/>
      <c r="H65" s="40"/>
      <c r="I65" s="34"/>
    </row>
    <row r="66" spans="1:9" ht="51" x14ac:dyDescent="0.25">
      <c r="A66" s="34" t="s">
        <v>311</v>
      </c>
      <c r="B66" s="34" t="s">
        <v>954</v>
      </c>
      <c r="C66" s="34" t="s">
        <v>918</v>
      </c>
      <c r="D66" s="34" t="s">
        <v>1041</v>
      </c>
      <c r="E66" s="34" t="s">
        <v>1044</v>
      </c>
      <c r="F66" s="40" t="s">
        <v>16</v>
      </c>
      <c r="G66" s="40"/>
      <c r="H66" s="40"/>
      <c r="I66" s="34"/>
    </row>
    <row r="67" spans="1:9" ht="25.5" x14ac:dyDescent="0.25">
      <c r="A67" s="34" t="s">
        <v>311</v>
      </c>
      <c r="B67" s="34" t="s">
        <v>954</v>
      </c>
      <c r="C67" s="34" t="s">
        <v>918</v>
      </c>
      <c r="D67" s="34" t="s">
        <v>1042</v>
      </c>
      <c r="E67" s="34" t="s">
        <v>1045</v>
      </c>
      <c r="F67" s="40" t="s">
        <v>16</v>
      </c>
      <c r="G67" s="40"/>
      <c r="H67" s="40"/>
      <c r="I67" s="34" t="s">
        <v>1142</v>
      </c>
    </row>
    <row r="68" spans="1:9" ht="51" x14ac:dyDescent="0.25">
      <c r="A68" s="34" t="s">
        <v>311</v>
      </c>
      <c r="B68" s="34" t="s">
        <v>954</v>
      </c>
      <c r="C68" s="34" t="s">
        <v>920</v>
      </c>
      <c r="D68" s="34" t="s">
        <v>1046</v>
      </c>
      <c r="E68" s="34" t="s">
        <v>1053</v>
      </c>
      <c r="F68" s="40"/>
      <c r="G68" s="40" t="s">
        <v>16</v>
      </c>
      <c r="H68" s="40" t="s">
        <v>16</v>
      </c>
      <c r="I68" s="34"/>
    </row>
    <row r="69" spans="1:9" ht="51" x14ac:dyDescent="0.25">
      <c r="A69" s="34" t="s">
        <v>311</v>
      </c>
      <c r="B69" s="34" t="s">
        <v>954</v>
      </c>
      <c r="C69" s="34" t="s">
        <v>920</v>
      </c>
      <c r="D69" s="34" t="s">
        <v>1047</v>
      </c>
      <c r="E69" s="34" t="s">
        <v>1054</v>
      </c>
      <c r="F69" s="40"/>
      <c r="G69" s="40" t="s">
        <v>16</v>
      </c>
      <c r="H69" s="40"/>
      <c r="I69" s="34"/>
    </row>
    <row r="70" spans="1:9" ht="51" x14ac:dyDescent="0.25">
      <c r="A70" s="34" t="s">
        <v>311</v>
      </c>
      <c r="B70" s="34" t="s">
        <v>954</v>
      </c>
      <c r="C70" s="34" t="s">
        <v>920</v>
      </c>
      <c r="D70" s="34" t="s">
        <v>1048</v>
      </c>
      <c r="E70" s="34" t="s">
        <v>1055</v>
      </c>
      <c r="F70" s="40"/>
      <c r="G70" s="40" t="s">
        <v>16</v>
      </c>
      <c r="H70" s="40"/>
      <c r="I70" s="34"/>
    </row>
    <row r="71" spans="1:9" ht="51" x14ac:dyDescent="0.25">
      <c r="A71" s="34" t="s">
        <v>311</v>
      </c>
      <c r="B71" s="34" t="s">
        <v>954</v>
      </c>
      <c r="C71" s="34" t="s">
        <v>920</v>
      </c>
      <c r="D71" s="34" t="s">
        <v>1049</v>
      </c>
      <c r="E71" s="34" t="s">
        <v>1056</v>
      </c>
      <c r="F71" s="40" t="s">
        <v>16</v>
      </c>
      <c r="G71" s="40"/>
      <c r="H71" s="40"/>
      <c r="I71" s="34"/>
    </row>
    <row r="72" spans="1:9" ht="63.75" x14ac:dyDescent="0.25">
      <c r="A72" s="34" t="s">
        <v>311</v>
      </c>
      <c r="B72" s="34" t="s">
        <v>954</v>
      </c>
      <c r="C72" s="34" t="s">
        <v>920</v>
      </c>
      <c r="D72" s="34" t="s">
        <v>1050</v>
      </c>
      <c r="E72" s="34" t="s">
        <v>1057</v>
      </c>
      <c r="F72" s="40" t="s">
        <v>16</v>
      </c>
      <c r="G72" s="40"/>
      <c r="H72" s="40"/>
      <c r="I72" s="34"/>
    </row>
    <row r="73" spans="1:9" ht="51" x14ac:dyDescent="0.25">
      <c r="A73" s="34" t="s">
        <v>311</v>
      </c>
      <c r="B73" s="34" t="s">
        <v>954</v>
      </c>
      <c r="C73" s="34" t="s">
        <v>920</v>
      </c>
      <c r="D73" s="34" t="s">
        <v>1051</v>
      </c>
      <c r="E73" s="34" t="s">
        <v>1058</v>
      </c>
      <c r="F73" s="40"/>
      <c r="G73" s="40" t="s">
        <v>16</v>
      </c>
      <c r="H73" s="40"/>
      <c r="I73" s="34"/>
    </row>
    <row r="74" spans="1:9" ht="25.5" x14ac:dyDescent="0.25">
      <c r="A74" s="34" t="s">
        <v>311</v>
      </c>
      <c r="B74" s="34" t="s">
        <v>954</v>
      </c>
      <c r="C74" s="34" t="s">
        <v>920</v>
      </c>
      <c r="D74" s="34" t="s">
        <v>1052</v>
      </c>
      <c r="E74" s="34" t="s">
        <v>1059</v>
      </c>
      <c r="F74" s="40"/>
      <c r="G74" s="40" t="s">
        <v>16</v>
      </c>
      <c r="H74" s="40"/>
      <c r="I74" s="34"/>
    </row>
    <row r="75" spans="1:9" ht="63.75" x14ac:dyDescent="0.25">
      <c r="A75" s="34" t="s">
        <v>311</v>
      </c>
      <c r="B75" s="34" t="s">
        <v>966</v>
      </c>
      <c r="C75" s="34" t="s">
        <v>918</v>
      </c>
      <c r="D75" s="34" t="s">
        <v>1060</v>
      </c>
      <c r="E75" s="34" t="s">
        <v>1043</v>
      </c>
      <c r="F75" s="40" t="s">
        <v>16</v>
      </c>
      <c r="G75" s="40"/>
      <c r="H75" s="40"/>
      <c r="I75" s="34"/>
    </row>
    <row r="76" spans="1:9" ht="25.5" x14ac:dyDescent="0.25">
      <c r="A76" s="34" t="s">
        <v>311</v>
      </c>
      <c r="B76" s="34" t="s">
        <v>966</v>
      </c>
      <c r="C76" s="34" t="s">
        <v>918</v>
      </c>
      <c r="D76" s="34" t="s">
        <v>1061</v>
      </c>
      <c r="E76" s="34" t="s">
        <v>1045</v>
      </c>
      <c r="F76" s="40" t="s">
        <v>16</v>
      </c>
      <c r="G76" s="40"/>
      <c r="H76" s="40"/>
      <c r="I76" s="34" t="s">
        <v>1142</v>
      </c>
    </row>
    <row r="77" spans="1:9" ht="51" x14ac:dyDescent="0.25">
      <c r="A77" s="34" t="s">
        <v>311</v>
      </c>
      <c r="B77" s="34" t="s">
        <v>966</v>
      </c>
      <c r="C77" s="34" t="s">
        <v>920</v>
      </c>
      <c r="D77" s="34" t="s">
        <v>1062</v>
      </c>
      <c r="E77" s="34" t="s">
        <v>1066</v>
      </c>
      <c r="F77" s="40"/>
      <c r="G77" s="40" t="s">
        <v>16</v>
      </c>
      <c r="H77" s="40" t="s">
        <v>16</v>
      </c>
      <c r="I77" s="34"/>
    </row>
    <row r="78" spans="1:9" ht="38.25" x14ac:dyDescent="0.25">
      <c r="A78" s="34" t="s">
        <v>311</v>
      </c>
      <c r="B78" s="34" t="s">
        <v>966</v>
      </c>
      <c r="C78" s="34" t="s">
        <v>920</v>
      </c>
      <c r="D78" s="34" t="s">
        <v>1063</v>
      </c>
      <c r="E78" s="34" t="s">
        <v>1067</v>
      </c>
      <c r="F78" s="40"/>
      <c r="G78" s="40" t="s">
        <v>16</v>
      </c>
      <c r="H78" s="40"/>
      <c r="I78" s="34" t="s">
        <v>1142</v>
      </c>
    </row>
    <row r="79" spans="1:9" ht="38.25" x14ac:dyDescent="0.25">
      <c r="A79" s="34" t="s">
        <v>311</v>
      </c>
      <c r="B79" s="34" t="s">
        <v>966</v>
      </c>
      <c r="C79" s="34" t="s">
        <v>920</v>
      </c>
      <c r="D79" s="34" t="s">
        <v>1064</v>
      </c>
      <c r="E79" s="34" t="s">
        <v>1035</v>
      </c>
      <c r="F79" s="40" t="s">
        <v>16</v>
      </c>
      <c r="G79" s="40"/>
      <c r="H79" s="40"/>
      <c r="I79" s="34"/>
    </row>
    <row r="80" spans="1:9" ht="76.5" x14ac:dyDescent="0.25">
      <c r="A80" s="34" t="s">
        <v>311</v>
      </c>
      <c r="B80" s="34" t="s">
        <v>966</v>
      </c>
      <c r="C80" s="34" t="s">
        <v>920</v>
      </c>
      <c r="D80" s="34" t="s">
        <v>1065</v>
      </c>
      <c r="E80" s="34" t="s">
        <v>1068</v>
      </c>
      <c r="F80" s="40" t="s">
        <v>16</v>
      </c>
      <c r="G80" s="40"/>
      <c r="H80" s="40"/>
      <c r="I80" s="34"/>
    </row>
    <row r="81" spans="1:9" ht="51" x14ac:dyDescent="0.25">
      <c r="A81" s="34" t="s">
        <v>311</v>
      </c>
      <c r="B81" s="34" t="s">
        <v>988</v>
      </c>
      <c r="C81" s="34" t="s">
        <v>920</v>
      </c>
      <c r="D81" s="34" t="s">
        <v>1069</v>
      </c>
      <c r="E81" s="34" t="s">
        <v>1071</v>
      </c>
      <c r="F81" s="40"/>
      <c r="G81" s="40" t="s">
        <v>16</v>
      </c>
      <c r="H81" s="40"/>
      <c r="I81" s="34"/>
    </row>
    <row r="82" spans="1:9" ht="38.25" x14ac:dyDescent="0.25">
      <c r="A82" s="34" t="s">
        <v>311</v>
      </c>
      <c r="B82" s="34" t="s">
        <v>988</v>
      </c>
      <c r="C82" s="34" t="s">
        <v>918</v>
      </c>
      <c r="D82" s="34" t="s">
        <v>1070</v>
      </c>
      <c r="E82" s="34" t="s">
        <v>1072</v>
      </c>
      <c r="F82" s="40" t="s">
        <v>16</v>
      </c>
      <c r="G82" s="40" t="s">
        <v>16</v>
      </c>
      <c r="H82" s="40"/>
      <c r="I82" s="34"/>
    </row>
    <row r="83" spans="1:9" ht="63.75" x14ac:dyDescent="0.25">
      <c r="A83" s="34" t="s">
        <v>311</v>
      </c>
      <c r="B83" s="34" t="s">
        <v>1146</v>
      </c>
      <c r="C83" s="34" t="s">
        <v>1073</v>
      </c>
      <c r="D83" s="34" t="s">
        <v>1075</v>
      </c>
      <c r="E83" s="34" t="s">
        <v>1081</v>
      </c>
      <c r="F83" s="40" t="s">
        <v>16</v>
      </c>
      <c r="G83" s="40" t="s">
        <v>16</v>
      </c>
      <c r="H83" s="40" t="s">
        <v>16</v>
      </c>
      <c r="I83" s="34"/>
    </row>
    <row r="84" spans="1:9" ht="51" x14ac:dyDescent="0.25">
      <c r="A84" s="34" t="s">
        <v>311</v>
      </c>
      <c r="B84" s="34" t="s">
        <v>1146</v>
      </c>
      <c r="C84" s="34" t="s">
        <v>10</v>
      </c>
      <c r="D84" s="34" t="s">
        <v>1076</v>
      </c>
      <c r="E84" s="34" t="s">
        <v>1082</v>
      </c>
      <c r="F84" s="40" t="s">
        <v>16</v>
      </c>
      <c r="G84" s="40"/>
      <c r="H84" s="40"/>
      <c r="I84" s="34" t="s">
        <v>1144</v>
      </c>
    </row>
    <row r="85" spans="1:9" ht="63.75" x14ac:dyDescent="0.25">
      <c r="A85" s="34" t="s">
        <v>311</v>
      </c>
      <c r="B85" s="34" t="s">
        <v>1146</v>
      </c>
      <c r="C85" s="34" t="s">
        <v>10</v>
      </c>
      <c r="D85" s="34" t="s">
        <v>1077</v>
      </c>
      <c r="E85" s="34" t="s">
        <v>1083</v>
      </c>
      <c r="F85" s="40" t="s">
        <v>16</v>
      </c>
      <c r="G85" s="40"/>
      <c r="H85" s="40"/>
      <c r="I85" s="34" t="s">
        <v>1144</v>
      </c>
    </row>
    <row r="86" spans="1:9" ht="51" x14ac:dyDescent="0.25">
      <c r="A86" s="34" t="s">
        <v>311</v>
      </c>
      <c r="B86" s="34" t="s">
        <v>1146</v>
      </c>
      <c r="C86" s="34" t="s">
        <v>918</v>
      </c>
      <c r="D86" s="34" t="s">
        <v>1078</v>
      </c>
      <c r="E86" s="34" t="s">
        <v>1084</v>
      </c>
      <c r="F86" s="40"/>
      <c r="G86" s="40" t="s">
        <v>16</v>
      </c>
      <c r="H86" s="40"/>
      <c r="I86" s="34"/>
    </row>
    <row r="87" spans="1:9" ht="63.75" x14ac:dyDescent="0.25">
      <c r="A87" s="34" t="s">
        <v>311</v>
      </c>
      <c r="B87" s="34" t="s">
        <v>1146</v>
      </c>
      <c r="C87" s="34" t="s">
        <v>1074</v>
      </c>
      <c r="D87" s="34" t="s">
        <v>1079</v>
      </c>
      <c r="E87" s="34" t="s">
        <v>1085</v>
      </c>
      <c r="F87" s="40"/>
      <c r="G87" s="40" t="s">
        <v>16</v>
      </c>
      <c r="H87" s="40"/>
      <c r="I87" s="34"/>
    </row>
    <row r="88" spans="1:9" ht="63.75" x14ac:dyDescent="0.25">
      <c r="A88" s="34" t="s">
        <v>311</v>
      </c>
      <c r="B88" s="34" t="s">
        <v>1146</v>
      </c>
      <c r="C88" s="34" t="s">
        <v>1074</v>
      </c>
      <c r="D88" s="34" t="s">
        <v>1080</v>
      </c>
      <c r="E88" s="34" t="s">
        <v>1086</v>
      </c>
      <c r="F88" s="40"/>
      <c r="G88" s="40" t="s">
        <v>16</v>
      </c>
      <c r="H88" s="40"/>
      <c r="I88" s="34"/>
    </row>
    <row r="89" spans="1:9" ht="89.25" x14ac:dyDescent="0.25">
      <c r="A89" s="34" t="s">
        <v>1104</v>
      </c>
      <c r="B89" s="34" t="s">
        <v>954</v>
      </c>
      <c r="C89" s="34" t="s">
        <v>920</v>
      </c>
      <c r="D89" s="34" t="s">
        <v>1087</v>
      </c>
      <c r="E89" s="34" t="s">
        <v>1093</v>
      </c>
      <c r="F89" s="40"/>
      <c r="G89" s="40" t="s">
        <v>16</v>
      </c>
      <c r="H89" s="40"/>
      <c r="I89" s="34" t="s">
        <v>1120</v>
      </c>
    </row>
    <row r="90" spans="1:9" ht="38.25" x14ac:dyDescent="0.25">
      <c r="A90" s="34" t="s">
        <v>1104</v>
      </c>
      <c r="B90" s="34" t="s">
        <v>954</v>
      </c>
      <c r="C90" s="34" t="s">
        <v>920</v>
      </c>
      <c r="D90" s="34" t="s">
        <v>1088</v>
      </c>
      <c r="E90" s="34" t="s">
        <v>1094</v>
      </c>
      <c r="F90" s="40" t="s">
        <v>16</v>
      </c>
      <c r="G90" s="40" t="s">
        <v>16</v>
      </c>
      <c r="H90" s="40"/>
      <c r="I90" s="34" t="s">
        <v>1120</v>
      </c>
    </row>
    <row r="91" spans="1:9" ht="38.25" x14ac:dyDescent="0.25">
      <c r="A91" s="34" t="s">
        <v>1104</v>
      </c>
      <c r="B91" s="34" t="s">
        <v>954</v>
      </c>
      <c r="C91" s="34" t="s">
        <v>920</v>
      </c>
      <c r="D91" s="34" t="s">
        <v>1089</v>
      </c>
      <c r="E91" s="34" t="s">
        <v>1095</v>
      </c>
      <c r="F91" s="40"/>
      <c r="G91" s="40" t="s">
        <v>16</v>
      </c>
      <c r="H91" s="40"/>
      <c r="I91" s="34" t="s">
        <v>1120</v>
      </c>
    </row>
    <row r="92" spans="1:9" ht="38.25" x14ac:dyDescent="0.25">
      <c r="A92" s="34" t="s">
        <v>1104</v>
      </c>
      <c r="B92" s="34" t="s">
        <v>954</v>
      </c>
      <c r="C92" s="34" t="s">
        <v>920</v>
      </c>
      <c r="D92" s="34" t="s">
        <v>1090</v>
      </c>
      <c r="E92" s="34" t="s">
        <v>1096</v>
      </c>
      <c r="F92" s="40" t="s">
        <v>16</v>
      </c>
      <c r="G92" s="40" t="s">
        <v>16</v>
      </c>
      <c r="H92" s="40"/>
      <c r="I92" s="34" t="s">
        <v>1120</v>
      </c>
    </row>
    <row r="93" spans="1:9" ht="38.25" x14ac:dyDescent="0.25">
      <c r="A93" s="34" t="s">
        <v>1104</v>
      </c>
      <c r="B93" s="34" t="s">
        <v>954</v>
      </c>
      <c r="C93" s="34" t="s">
        <v>920</v>
      </c>
      <c r="D93" s="34" t="s">
        <v>1091</v>
      </c>
      <c r="E93" s="34" t="s">
        <v>1097</v>
      </c>
      <c r="F93" s="40" t="s">
        <v>16</v>
      </c>
      <c r="G93" s="40"/>
      <c r="H93" s="40"/>
      <c r="I93" s="34" t="s">
        <v>1120</v>
      </c>
    </row>
    <row r="94" spans="1:9" ht="38.25" x14ac:dyDescent="0.25">
      <c r="A94" s="34" t="s">
        <v>1104</v>
      </c>
      <c r="B94" s="34" t="s">
        <v>954</v>
      </c>
      <c r="C94" s="34" t="s">
        <v>920</v>
      </c>
      <c r="D94" s="34" t="s">
        <v>1092</v>
      </c>
      <c r="E94" s="34" t="s">
        <v>1098</v>
      </c>
      <c r="F94" s="40" t="s">
        <v>16</v>
      </c>
      <c r="G94" s="40" t="s">
        <v>16</v>
      </c>
      <c r="H94" s="40"/>
      <c r="I94" s="34" t="s">
        <v>1120</v>
      </c>
    </row>
    <row r="95" spans="1:9" ht="38.25" x14ac:dyDescent="0.25">
      <c r="A95" s="34" t="s">
        <v>1104</v>
      </c>
      <c r="B95" s="34" t="s">
        <v>966</v>
      </c>
      <c r="C95" s="34" t="s">
        <v>920</v>
      </c>
      <c r="D95" s="34" t="s">
        <v>1099</v>
      </c>
      <c r="E95" s="34" t="s">
        <v>1102</v>
      </c>
      <c r="F95" s="40" t="s">
        <v>16</v>
      </c>
      <c r="G95" s="40" t="s">
        <v>16</v>
      </c>
      <c r="H95" s="40"/>
      <c r="I95" s="34" t="s">
        <v>1120</v>
      </c>
    </row>
    <row r="96" spans="1:9" ht="38.25" x14ac:dyDescent="0.25">
      <c r="A96" s="34" t="s">
        <v>1104</v>
      </c>
      <c r="B96" s="34" t="s">
        <v>966</v>
      </c>
      <c r="C96" s="34" t="s">
        <v>920</v>
      </c>
      <c r="D96" s="34" t="s">
        <v>1100</v>
      </c>
      <c r="E96" s="34" t="s">
        <v>1103</v>
      </c>
      <c r="F96" s="40" t="s">
        <v>16</v>
      </c>
      <c r="G96" s="40" t="s">
        <v>16</v>
      </c>
      <c r="H96" s="40"/>
      <c r="I96" s="34" t="s">
        <v>1120</v>
      </c>
    </row>
    <row r="97" spans="1:9" ht="51" x14ac:dyDescent="0.25">
      <c r="A97" s="34" t="s">
        <v>1104</v>
      </c>
      <c r="B97" s="34" t="s">
        <v>966</v>
      </c>
      <c r="C97" s="34" t="s">
        <v>920</v>
      </c>
      <c r="D97" s="34" t="s">
        <v>1101</v>
      </c>
      <c r="E97" s="34" t="s">
        <v>1147</v>
      </c>
      <c r="F97" s="40" t="s">
        <v>16</v>
      </c>
      <c r="G97" s="40" t="s">
        <v>16</v>
      </c>
      <c r="H97" s="40"/>
      <c r="I97" s="34" t="s">
        <v>1120</v>
      </c>
    </row>
    <row r="98" spans="1:9" ht="38.25" x14ac:dyDescent="0.25">
      <c r="A98" s="34" t="s">
        <v>1104</v>
      </c>
      <c r="B98" s="34" t="s">
        <v>988</v>
      </c>
      <c r="C98" s="34" t="s">
        <v>920</v>
      </c>
      <c r="D98" s="34" t="s">
        <v>1106</v>
      </c>
      <c r="E98" s="34" t="s">
        <v>1105</v>
      </c>
      <c r="F98" s="40"/>
      <c r="G98" s="40" t="s">
        <v>16</v>
      </c>
      <c r="H98" s="40"/>
      <c r="I98" s="34" t="s">
        <v>1120</v>
      </c>
    </row>
    <row r="99" spans="1:9" ht="63.75" x14ac:dyDescent="0.25">
      <c r="A99" s="34" t="s">
        <v>1104</v>
      </c>
      <c r="B99" s="34" t="s">
        <v>1146</v>
      </c>
      <c r="C99" s="34" t="s">
        <v>10</v>
      </c>
      <c r="D99" s="34" t="s">
        <v>1107</v>
      </c>
      <c r="E99" s="34" t="s">
        <v>1113</v>
      </c>
      <c r="F99" s="40" t="s">
        <v>16</v>
      </c>
      <c r="G99" s="40"/>
      <c r="H99" s="40"/>
      <c r="I99" s="34" t="s">
        <v>1145</v>
      </c>
    </row>
    <row r="100" spans="1:9" ht="63.75" x14ac:dyDescent="0.25">
      <c r="A100" s="34" t="s">
        <v>1104</v>
      </c>
      <c r="B100" s="34" t="s">
        <v>1146</v>
      </c>
      <c r="C100" s="34" t="s">
        <v>10</v>
      </c>
      <c r="D100" s="34" t="s">
        <v>1108</v>
      </c>
      <c r="E100" s="34" t="s">
        <v>1114</v>
      </c>
      <c r="F100" s="40" t="s">
        <v>16</v>
      </c>
      <c r="G100" s="40"/>
      <c r="H100" s="40"/>
      <c r="I100" s="34" t="s">
        <v>1145</v>
      </c>
    </row>
    <row r="101" spans="1:9" ht="51" x14ac:dyDescent="0.25">
      <c r="A101" s="34" t="s">
        <v>1104</v>
      </c>
      <c r="B101" s="34" t="s">
        <v>1146</v>
      </c>
      <c r="C101" s="34" t="s">
        <v>918</v>
      </c>
      <c r="D101" s="34" t="s">
        <v>1109</v>
      </c>
      <c r="E101" s="34" t="s">
        <v>1115</v>
      </c>
      <c r="F101" s="40"/>
      <c r="G101" s="40" t="s">
        <v>16</v>
      </c>
      <c r="H101" s="40"/>
      <c r="I101" s="34" t="s">
        <v>1120</v>
      </c>
    </row>
    <row r="102" spans="1:9" ht="63.75" x14ac:dyDescent="0.25">
      <c r="A102" s="34" t="s">
        <v>1104</v>
      </c>
      <c r="B102" s="34" t="s">
        <v>1146</v>
      </c>
      <c r="C102" s="34" t="s">
        <v>1074</v>
      </c>
      <c r="D102" s="34" t="s">
        <v>1110</v>
      </c>
      <c r="E102" s="34" t="s">
        <v>1116</v>
      </c>
      <c r="F102" s="40"/>
      <c r="G102" s="40" t="s">
        <v>16</v>
      </c>
      <c r="H102" s="40"/>
      <c r="I102" s="34" t="s">
        <v>1120</v>
      </c>
    </row>
    <row r="103" spans="1:9" ht="63.75" x14ac:dyDescent="0.25">
      <c r="A103" s="34" t="s">
        <v>1104</v>
      </c>
      <c r="B103" s="34" t="s">
        <v>1146</v>
      </c>
      <c r="C103" s="34" t="s">
        <v>1074</v>
      </c>
      <c r="D103" s="34" t="s">
        <v>1111</v>
      </c>
      <c r="E103" s="34" t="s">
        <v>1117</v>
      </c>
      <c r="F103" s="40"/>
      <c r="G103" s="40" t="s">
        <v>16</v>
      </c>
      <c r="H103" s="40"/>
      <c r="I103" s="34" t="s">
        <v>1120</v>
      </c>
    </row>
    <row r="104" spans="1:9" ht="63.75" x14ac:dyDescent="0.25">
      <c r="A104" s="34" t="s">
        <v>1104</v>
      </c>
      <c r="B104" s="34" t="s">
        <v>1146</v>
      </c>
      <c r="C104" s="34" t="s">
        <v>1074</v>
      </c>
      <c r="D104" s="34" t="s">
        <v>1112</v>
      </c>
      <c r="E104" s="34" t="s">
        <v>1118</v>
      </c>
      <c r="F104" s="40" t="s">
        <v>16</v>
      </c>
      <c r="G104" s="40"/>
      <c r="H104" s="40"/>
      <c r="I104" s="34" t="s">
        <v>1120</v>
      </c>
    </row>
    <row r="105" spans="1:9" ht="127.5" x14ac:dyDescent="0.25">
      <c r="A105" s="34" t="s">
        <v>1119</v>
      </c>
      <c r="B105" s="34" t="s">
        <v>966</v>
      </c>
      <c r="C105" s="34" t="s">
        <v>920</v>
      </c>
      <c r="D105" s="34" t="s">
        <v>1122</v>
      </c>
      <c r="E105" s="34" t="s">
        <v>1125</v>
      </c>
      <c r="F105" s="40"/>
      <c r="G105" s="40" t="s">
        <v>16</v>
      </c>
      <c r="H105" s="40" t="s">
        <v>16</v>
      </c>
      <c r="I105" s="34"/>
    </row>
    <row r="106" spans="1:9" ht="25.5" x14ac:dyDescent="0.25">
      <c r="A106" s="34" t="s">
        <v>1119</v>
      </c>
      <c r="B106" s="34" t="s">
        <v>966</v>
      </c>
      <c r="C106" s="34" t="s">
        <v>920</v>
      </c>
      <c r="D106" s="34" t="s">
        <v>1123</v>
      </c>
      <c r="E106" s="34" t="s">
        <v>1126</v>
      </c>
      <c r="F106" s="40"/>
      <c r="G106" s="40" t="s">
        <v>16</v>
      </c>
      <c r="H106" s="40"/>
      <c r="I106" s="34"/>
    </row>
    <row r="107" spans="1:9" ht="38.25" x14ac:dyDescent="0.25">
      <c r="A107" s="34" t="s">
        <v>1119</v>
      </c>
      <c r="B107" s="34" t="s">
        <v>966</v>
      </c>
      <c r="C107" s="34" t="s">
        <v>920</v>
      </c>
      <c r="D107" s="34" t="s">
        <v>1124</v>
      </c>
      <c r="E107" s="34" t="s">
        <v>1127</v>
      </c>
      <c r="F107" s="40" t="s">
        <v>16</v>
      </c>
      <c r="G107" s="40" t="s">
        <v>16</v>
      </c>
      <c r="H107" s="40"/>
      <c r="I107" s="34"/>
    </row>
    <row r="108" spans="1:9" ht="25.5" x14ac:dyDescent="0.25">
      <c r="A108" s="34" t="s">
        <v>1119</v>
      </c>
      <c r="B108" s="34" t="s">
        <v>988</v>
      </c>
      <c r="C108" s="34" t="s">
        <v>920</v>
      </c>
      <c r="D108" s="34" t="s">
        <v>1128</v>
      </c>
      <c r="E108" s="34" t="s">
        <v>1130</v>
      </c>
      <c r="F108" s="40"/>
      <c r="G108" s="40" t="s">
        <v>16</v>
      </c>
      <c r="H108" s="40"/>
      <c r="I108" s="34"/>
    </row>
    <row r="109" spans="1:9" ht="25.5" x14ac:dyDescent="0.25">
      <c r="A109" s="34" t="s">
        <v>1119</v>
      </c>
      <c r="B109" s="34" t="s">
        <v>988</v>
      </c>
      <c r="C109" s="34" t="s">
        <v>918</v>
      </c>
      <c r="D109" s="34" t="s">
        <v>1129</v>
      </c>
      <c r="E109" s="34" t="s">
        <v>1131</v>
      </c>
      <c r="F109" s="40"/>
      <c r="G109" s="40" t="s">
        <v>16</v>
      </c>
      <c r="H109" s="40"/>
      <c r="I109" s="34"/>
    </row>
    <row r="110" spans="1:9" ht="51" x14ac:dyDescent="0.25">
      <c r="A110" s="34" t="s">
        <v>1119</v>
      </c>
      <c r="B110" s="34" t="s">
        <v>1146</v>
      </c>
      <c r="C110" s="34" t="s">
        <v>10</v>
      </c>
      <c r="D110" s="34" t="s">
        <v>1132</v>
      </c>
      <c r="E110" s="34" t="s">
        <v>1113</v>
      </c>
      <c r="F110" s="40" t="s">
        <v>16</v>
      </c>
      <c r="G110" s="40"/>
      <c r="H110" s="40"/>
      <c r="I110" s="34"/>
    </row>
    <row r="111" spans="1:9" ht="63.75" x14ac:dyDescent="0.25">
      <c r="A111" s="34" t="s">
        <v>1119</v>
      </c>
      <c r="B111" s="34" t="s">
        <v>1146</v>
      </c>
      <c r="C111" s="34" t="s">
        <v>10</v>
      </c>
      <c r="D111" s="34" t="s">
        <v>1133</v>
      </c>
      <c r="E111" s="34" t="s">
        <v>1114</v>
      </c>
      <c r="F111" s="40" t="s">
        <v>16</v>
      </c>
      <c r="G111" s="40"/>
      <c r="H111" s="40"/>
      <c r="I111" s="34"/>
    </row>
    <row r="112" spans="1:9" ht="51" x14ac:dyDescent="0.25">
      <c r="A112" s="34" t="s">
        <v>1119</v>
      </c>
      <c r="B112" s="34" t="s">
        <v>1146</v>
      </c>
      <c r="C112" s="34" t="s">
        <v>918</v>
      </c>
      <c r="D112" s="34" t="s">
        <v>1134</v>
      </c>
      <c r="E112" s="34" t="s">
        <v>1138</v>
      </c>
      <c r="F112" s="40"/>
      <c r="G112" s="40" t="s">
        <v>16</v>
      </c>
      <c r="H112" s="40"/>
      <c r="I112" s="34"/>
    </row>
    <row r="113" spans="1:9" ht="63.75" x14ac:dyDescent="0.25">
      <c r="A113" s="34" t="s">
        <v>1119</v>
      </c>
      <c r="B113" s="34" t="s">
        <v>1146</v>
      </c>
      <c r="C113" s="34" t="s">
        <v>1074</v>
      </c>
      <c r="D113" s="34" t="s">
        <v>1135</v>
      </c>
      <c r="E113" s="34" t="s">
        <v>1139</v>
      </c>
      <c r="F113" s="40"/>
      <c r="G113" s="40" t="s">
        <v>16</v>
      </c>
      <c r="H113" s="40"/>
      <c r="I113" s="34"/>
    </row>
    <row r="114" spans="1:9" ht="63.75" x14ac:dyDescent="0.25">
      <c r="A114" s="34" t="s">
        <v>1119</v>
      </c>
      <c r="B114" s="34" t="s">
        <v>1146</v>
      </c>
      <c r="C114" s="34" t="s">
        <v>1074</v>
      </c>
      <c r="D114" s="34" t="s">
        <v>1136</v>
      </c>
      <c r="E114" s="34" t="s">
        <v>1140</v>
      </c>
      <c r="F114" s="40"/>
      <c r="G114" s="40" t="s">
        <v>16</v>
      </c>
      <c r="H114" s="40"/>
      <c r="I114" s="34"/>
    </row>
    <row r="115" spans="1:9" ht="63.75" x14ac:dyDescent="0.25">
      <c r="A115" s="34" t="s">
        <v>1119</v>
      </c>
      <c r="B115" s="34" t="s">
        <v>1146</v>
      </c>
      <c r="C115" s="34" t="s">
        <v>1074</v>
      </c>
      <c r="D115" s="34" t="s">
        <v>1137</v>
      </c>
      <c r="E115" s="34" t="s">
        <v>1141</v>
      </c>
      <c r="F115" s="40" t="s">
        <v>16</v>
      </c>
      <c r="G115" s="40" t="s">
        <v>16</v>
      </c>
      <c r="H115" s="40"/>
      <c r="I115" s="34"/>
    </row>
  </sheetData>
  <autoFilter ref="A3:I115" xr:uid="{05F77358-8D33-4FB5-81A9-19961019533B}"/>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E23A3B-ABBE-4A42-9ADA-6109B2CA87E1}">
  <dimension ref="A1:J40"/>
  <sheetViews>
    <sheetView showGridLines="0" workbookViewId="0"/>
  </sheetViews>
  <sheetFormatPr defaultRowHeight="15" x14ac:dyDescent="0.25"/>
  <cols>
    <col min="2" max="3" width="18.7109375" customWidth="1"/>
    <col min="4" max="4" width="10.28515625" bestFit="1" customWidth="1"/>
    <col min="5" max="5" width="36.5703125" bestFit="1" customWidth="1"/>
    <col min="6" max="6" width="46.85546875" customWidth="1"/>
    <col min="7" max="9" width="13.28515625" customWidth="1"/>
    <col min="10" max="10" width="32.28515625" customWidth="1"/>
  </cols>
  <sheetData>
    <row r="1" spans="1:10" s="11" customFormat="1" x14ac:dyDescent="0.25">
      <c r="A1" s="10" t="s">
        <v>140</v>
      </c>
    </row>
    <row r="3" spans="1:10" ht="51" x14ac:dyDescent="0.25">
      <c r="A3" s="6" t="s">
        <v>0</v>
      </c>
      <c r="B3" s="6" t="s">
        <v>1</v>
      </c>
      <c r="C3" s="6" t="s">
        <v>2</v>
      </c>
      <c r="D3" s="6" t="s">
        <v>3</v>
      </c>
      <c r="E3" s="6" t="s">
        <v>4</v>
      </c>
      <c r="F3" s="6" t="s">
        <v>5</v>
      </c>
      <c r="G3" s="6" t="s">
        <v>6</v>
      </c>
      <c r="H3" s="6" t="s">
        <v>7</v>
      </c>
      <c r="I3" s="6" t="s">
        <v>8</v>
      </c>
      <c r="J3" s="6" t="s">
        <v>9</v>
      </c>
    </row>
    <row r="4" spans="1:10" ht="38.25" x14ac:dyDescent="0.25">
      <c r="A4" s="7" t="s">
        <v>10</v>
      </c>
      <c r="B4" s="7" t="s">
        <v>11</v>
      </c>
      <c r="C4" s="7" t="s">
        <v>12</v>
      </c>
      <c r="D4" s="7" t="s">
        <v>13</v>
      </c>
      <c r="E4" s="7" t="s">
        <v>14</v>
      </c>
      <c r="F4" s="7" t="s">
        <v>15</v>
      </c>
      <c r="G4" s="8"/>
      <c r="H4" s="9" t="s">
        <v>16</v>
      </c>
      <c r="I4" s="9" t="s">
        <v>16</v>
      </c>
      <c r="J4" s="7" t="s">
        <v>17</v>
      </c>
    </row>
    <row r="5" spans="1:10" ht="51" x14ac:dyDescent="0.25">
      <c r="A5" s="7" t="s">
        <v>10</v>
      </c>
      <c r="B5" s="7" t="s">
        <v>11</v>
      </c>
      <c r="C5" s="7" t="s">
        <v>12</v>
      </c>
      <c r="D5" s="7" t="s">
        <v>18</v>
      </c>
      <c r="E5" s="7" t="s">
        <v>19</v>
      </c>
      <c r="F5" s="7" t="s">
        <v>20</v>
      </c>
      <c r="G5" s="8"/>
      <c r="H5" s="9" t="s">
        <v>16</v>
      </c>
      <c r="I5" s="9" t="s">
        <v>16</v>
      </c>
      <c r="J5" s="7" t="s">
        <v>21</v>
      </c>
    </row>
    <row r="6" spans="1:10" ht="51" x14ac:dyDescent="0.25">
      <c r="A6" s="7" t="s">
        <v>10</v>
      </c>
      <c r="B6" s="7" t="s">
        <v>11</v>
      </c>
      <c r="C6" s="7" t="s">
        <v>12</v>
      </c>
      <c r="D6" s="7" t="s">
        <v>22</v>
      </c>
      <c r="E6" s="7" t="s">
        <v>23</v>
      </c>
      <c r="F6" s="7" t="s">
        <v>24</v>
      </c>
      <c r="G6" s="8"/>
      <c r="H6" s="9" t="s">
        <v>16</v>
      </c>
      <c r="I6" s="9" t="s">
        <v>16</v>
      </c>
      <c r="J6" s="7" t="s">
        <v>17</v>
      </c>
    </row>
    <row r="7" spans="1:10" ht="63.75" x14ac:dyDescent="0.25">
      <c r="A7" s="7" t="s">
        <v>10</v>
      </c>
      <c r="B7" s="7" t="s">
        <v>11</v>
      </c>
      <c r="C7" s="7" t="s">
        <v>12</v>
      </c>
      <c r="D7" s="7" t="s">
        <v>25</v>
      </c>
      <c r="E7" s="7" t="s">
        <v>26</v>
      </c>
      <c r="F7" s="7" t="s">
        <v>27</v>
      </c>
      <c r="G7" s="8"/>
      <c r="H7" s="9" t="s">
        <v>16</v>
      </c>
      <c r="I7" s="9" t="s">
        <v>16</v>
      </c>
      <c r="J7" s="7" t="s">
        <v>17</v>
      </c>
    </row>
    <row r="8" spans="1:10" ht="51" x14ac:dyDescent="0.25">
      <c r="A8" s="7" t="s">
        <v>10</v>
      </c>
      <c r="B8" s="7" t="s">
        <v>11</v>
      </c>
      <c r="C8" s="7" t="s">
        <v>12</v>
      </c>
      <c r="D8" s="7" t="s">
        <v>28</v>
      </c>
      <c r="E8" s="7" t="s">
        <v>29</v>
      </c>
      <c r="F8" s="7" t="s">
        <v>30</v>
      </c>
      <c r="G8" s="8"/>
      <c r="H8" s="9" t="s">
        <v>16</v>
      </c>
      <c r="I8" s="9" t="s">
        <v>16</v>
      </c>
      <c r="J8" s="7" t="s">
        <v>17</v>
      </c>
    </row>
    <row r="9" spans="1:10" ht="38.25" x14ac:dyDescent="0.25">
      <c r="A9" s="7" t="s">
        <v>10</v>
      </c>
      <c r="B9" s="7" t="s">
        <v>11</v>
      </c>
      <c r="C9" s="7" t="s">
        <v>12</v>
      </c>
      <c r="D9" s="7" t="s">
        <v>31</v>
      </c>
      <c r="E9" s="7" t="s">
        <v>32</v>
      </c>
      <c r="F9" s="7" t="s">
        <v>33</v>
      </c>
      <c r="G9" s="8"/>
      <c r="H9" s="9" t="s">
        <v>16</v>
      </c>
      <c r="I9" s="9" t="s">
        <v>16</v>
      </c>
      <c r="J9" s="7" t="s">
        <v>17</v>
      </c>
    </row>
    <row r="10" spans="1:10" ht="89.25" x14ac:dyDescent="0.25">
      <c r="A10" s="7" t="s">
        <v>10</v>
      </c>
      <c r="B10" s="7" t="s">
        <v>34</v>
      </c>
      <c r="C10" s="7" t="s">
        <v>35</v>
      </c>
      <c r="D10" s="7" t="s">
        <v>36</v>
      </c>
      <c r="E10" s="7" t="s">
        <v>37</v>
      </c>
      <c r="F10" s="7" t="s">
        <v>134</v>
      </c>
      <c r="G10" s="8"/>
      <c r="H10" s="9" t="s">
        <v>16</v>
      </c>
      <c r="I10" s="9" t="s">
        <v>16</v>
      </c>
      <c r="J10" s="7" t="s">
        <v>21</v>
      </c>
    </row>
    <row r="11" spans="1:10" ht="102" x14ac:dyDescent="0.25">
      <c r="A11" s="7" t="s">
        <v>10</v>
      </c>
      <c r="B11" s="7" t="s">
        <v>34</v>
      </c>
      <c r="C11" s="7" t="s">
        <v>35</v>
      </c>
      <c r="D11" s="7" t="s">
        <v>38</v>
      </c>
      <c r="E11" s="7" t="s">
        <v>39</v>
      </c>
      <c r="F11" s="7" t="s">
        <v>135</v>
      </c>
      <c r="G11" s="8"/>
      <c r="H11" s="9" t="s">
        <v>16</v>
      </c>
      <c r="I11" s="9" t="s">
        <v>16</v>
      </c>
      <c r="J11" s="7" t="s">
        <v>21</v>
      </c>
    </row>
    <row r="12" spans="1:10" ht="25.5" x14ac:dyDescent="0.25">
      <c r="A12" s="7" t="s">
        <v>10</v>
      </c>
      <c r="B12" s="7" t="s">
        <v>34</v>
      </c>
      <c r="C12" s="7" t="s">
        <v>35</v>
      </c>
      <c r="D12" s="7" t="s">
        <v>40</v>
      </c>
      <c r="E12" s="7" t="s">
        <v>41</v>
      </c>
      <c r="F12" s="7" t="s">
        <v>42</v>
      </c>
      <c r="G12" s="9" t="s">
        <v>16</v>
      </c>
      <c r="H12" s="9" t="s">
        <v>16</v>
      </c>
      <c r="I12" s="8"/>
      <c r="J12" s="7" t="s">
        <v>21</v>
      </c>
    </row>
    <row r="13" spans="1:10" ht="102" x14ac:dyDescent="0.25">
      <c r="A13" s="7" t="s">
        <v>10</v>
      </c>
      <c r="B13" s="7" t="s">
        <v>34</v>
      </c>
      <c r="C13" s="7" t="s">
        <v>35</v>
      </c>
      <c r="D13" s="7" t="s">
        <v>43</v>
      </c>
      <c r="E13" s="7" t="s">
        <v>44</v>
      </c>
      <c r="F13" s="7" t="s">
        <v>136</v>
      </c>
      <c r="G13" s="9" t="s">
        <v>16</v>
      </c>
      <c r="H13" s="9" t="s">
        <v>16</v>
      </c>
      <c r="I13" s="8"/>
      <c r="J13" s="7" t="s">
        <v>21</v>
      </c>
    </row>
    <row r="14" spans="1:10" ht="25.5" x14ac:dyDescent="0.25">
      <c r="A14" s="7" t="s">
        <v>10</v>
      </c>
      <c r="B14" s="7" t="s">
        <v>34</v>
      </c>
      <c r="C14" s="7" t="s">
        <v>45</v>
      </c>
      <c r="D14" s="7" t="s">
        <v>46</v>
      </c>
      <c r="E14" s="7" t="s">
        <v>47</v>
      </c>
      <c r="F14" s="7" t="s">
        <v>48</v>
      </c>
      <c r="G14" s="9" t="s">
        <v>16</v>
      </c>
      <c r="H14" s="9" t="s">
        <v>16</v>
      </c>
      <c r="I14" s="8"/>
      <c r="J14" s="7" t="s">
        <v>21</v>
      </c>
    </row>
    <row r="15" spans="1:10" ht="63.75" x14ac:dyDescent="0.25">
      <c r="A15" s="7" t="s">
        <v>10</v>
      </c>
      <c r="B15" s="7" t="s">
        <v>34</v>
      </c>
      <c r="C15" s="7" t="s">
        <v>45</v>
      </c>
      <c r="D15" s="7" t="s">
        <v>49</v>
      </c>
      <c r="E15" s="7" t="s">
        <v>50</v>
      </c>
      <c r="F15" s="7" t="s">
        <v>51</v>
      </c>
      <c r="G15" s="8"/>
      <c r="H15" s="9" t="s">
        <v>16</v>
      </c>
      <c r="I15" s="9" t="s">
        <v>16</v>
      </c>
      <c r="J15" s="7" t="s">
        <v>17</v>
      </c>
    </row>
    <row r="16" spans="1:10" ht="38.25" x14ac:dyDescent="0.25">
      <c r="A16" s="7" t="s">
        <v>10</v>
      </c>
      <c r="B16" s="7" t="s">
        <v>34</v>
      </c>
      <c r="C16" s="7" t="s">
        <v>52</v>
      </c>
      <c r="D16" s="7" t="s">
        <v>53</v>
      </c>
      <c r="E16" s="7" t="s">
        <v>54</v>
      </c>
      <c r="F16" s="7" t="s">
        <v>55</v>
      </c>
      <c r="G16" s="9" t="s">
        <v>16</v>
      </c>
      <c r="H16" s="9" t="s">
        <v>16</v>
      </c>
      <c r="I16" s="9" t="s">
        <v>16</v>
      </c>
      <c r="J16" s="7" t="s">
        <v>21</v>
      </c>
    </row>
    <row r="17" spans="1:10" ht="140.25" x14ac:dyDescent="0.25">
      <c r="A17" s="7" t="s">
        <v>10</v>
      </c>
      <c r="B17" s="7" t="s">
        <v>34</v>
      </c>
      <c r="C17" s="7" t="s">
        <v>52</v>
      </c>
      <c r="D17" s="7" t="s">
        <v>56</v>
      </c>
      <c r="E17" s="7" t="s">
        <v>57</v>
      </c>
      <c r="F17" s="7" t="s">
        <v>137</v>
      </c>
      <c r="G17" s="8"/>
      <c r="H17" s="9" t="s">
        <v>16</v>
      </c>
      <c r="I17" s="9" t="s">
        <v>16</v>
      </c>
      <c r="J17" s="7" t="s">
        <v>21</v>
      </c>
    </row>
    <row r="18" spans="1:10" ht="140.25" x14ac:dyDescent="0.25">
      <c r="A18" s="7" t="s">
        <v>10</v>
      </c>
      <c r="B18" s="7" t="s">
        <v>34</v>
      </c>
      <c r="C18" s="7" t="s">
        <v>52</v>
      </c>
      <c r="D18" s="7" t="s">
        <v>58</v>
      </c>
      <c r="E18" s="7" t="s">
        <v>59</v>
      </c>
      <c r="F18" s="7" t="s">
        <v>138</v>
      </c>
      <c r="G18" s="8"/>
      <c r="H18" s="9" t="s">
        <v>16</v>
      </c>
      <c r="I18" s="9" t="s">
        <v>16</v>
      </c>
      <c r="J18" s="7" t="s">
        <v>21</v>
      </c>
    </row>
    <row r="19" spans="1:10" ht="51" x14ac:dyDescent="0.25">
      <c r="A19" s="7" t="s">
        <v>10</v>
      </c>
      <c r="B19" s="7" t="s">
        <v>60</v>
      </c>
      <c r="C19" s="7" t="s">
        <v>61</v>
      </c>
      <c r="D19" s="7" t="s">
        <v>62</v>
      </c>
      <c r="E19" s="7" t="s">
        <v>63</v>
      </c>
      <c r="F19" s="7" t="s">
        <v>64</v>
      </c>
      <c r="G19" s="9" t="s">
        <v>16</v>
      </c>
      <c r="H19" s="9" t="s">
        <v>16</v>
      </c>
      <c r="I19" s="9" t="s">
        <v>16</v>
      </c>
      <c r="J19" s="7" t="s">
        <v>21</v>
      </c>
    </row>
    <row r="20" spans="1:10" ht="38.25" x14ac:dyDescent="0.25">
      <c r="A20" s="7" t="s">
        <v>10</v>
      </c>
      <c r="B20" s="7" t="s">
        <v>60</v>
      </c>
      <c r="C20" s="7" t="s">
        <v>61</v>
      </c>
      <c r="D20" s="7" t="s">
        <v>65</v>
      </c>
      <c r="E20" s="7" t="s">
        <v>66</v>
      </c>
      <c r="F20" s="7" t="s">
        <v>67</v>
      </c>
      <c r="G20" s="8"/>
      <c r="H20" s="9" t="s">
        <v>16</v>
      </c>
      <c r="I20" s="9" t="s">
        <v>16</v>
      </c>
      <c r="J20" s="7" t="s">
        <v>21</v>
      </c>
    </row>
    <row r="21" spans="1:10" ht="38.25" x14ac:dyDescent="0.25">
      <c r="A21" s="7" t="s">
        <v>10</v>
      </c>
      <c r="B21" s="7" t="s">
        <v>60</v>
      </c>
      <c r="C21" s="7" t="s">
        <v>61</v>
      </c>
      <c r="D21" s="7" t="s">
        <v>68</v>
      </c>
      <c r="E21" s="7" t="s">
        <v>69</v>
      </c>
      <c r="F21" s="7" t="s">
        <v>70</v>
      </c>
      <c r="G21" s="9" t="s">
        <v>16</v>
      </c>
      <c r="H21" s="9" t="s">
        <v>16</v>
      </c>
      <c r="I21" s="9" t="s">
        <v>16</v>
      </c>
      <c r="J21" s="7" t="s">
        <v>21</v>
      </c>
    </row>
    <row r="22" spans="1:10" ht="63.75" x14ac:dyDescent="0.25">
      <c r="A22" s="7" t="s">
        <v>10</v>
      </c>
      <c r="B22" s="7" t="s">
        <v>60</v>
      </c>
      <c r="C22" s="7" t="s">
        <v>61</v>
      </c>
      <c r="D22" s="7" t="s">
        <v>71</v>
      </c>
      <c r="E22" s="7" t="s">
        <v>72</v>
      </c>
      <c r="F22" s="7" t="s">
        <v>73</v>
      </c>
      <c r="G22" s="9" t="s">
        <v>16</v>
      </c>
      <c r="H22" s="8"/>
      <c r="I22" s="8"/>
      <c r="J22" s="7" t="s">
        <v>74</v>
      </c>
    </row>
    <row r="23" spans="1:10" ht="51" x14ac:dyDescent="0.25">
      <c r="A23" s="7" t="s">
        <v>10</v>
      </c>
      <c r="B23" s="7" t="s">
        <v>60</v>
      </c>
      <c r="C23" s="7" t="s">
        <v>61</v>
      </c>
      <c r="D23" s="7" t="s">
        <v>75</v>
      </c>
      <c r="E23" s="7" t="s">
        <v>76</v>
      </c>
      <c r="F23" s="7" t="s">
        <v>77</v>
      </c>
      <c r="G23" s="9" t="s">
        <v>16</v>
      </c>
      <c r="H23" s="8"/>
      <c r="I23" s="8"/>
      <c r="J23" s="7" t="s">
        <v>74</v>
      </c>
    </row>
    <row r="24" spans="1:10" ht="38.25" x14ac:dyDescent="0.25">
      <c r="A24" s="7" t="s">
        <v>10</v>
      </c>
      <c r="B24" s="7" t="s">
        <v>60</v>
      </c>
      <c r="C24" s="7" t="s">
        <v>61</v>
      </c>
      <c r="D24" s="7" t="s">
        <v>58</v>
      </c>
      <c r="E24" s="7" t="s">
        <v>78</v>
      </c>
      <c r="F24" s="7" t="s">
        <v>79</v>
      </c>
      <c r="G24" s="8"/>
      <c r="H24" s="9" t="s">
        <v>16</v>
      </c>
      <c r="I24" s="9" t="s">
        <v>16</v>
      </c>
      <c r="J24" s="7" t="s">
        <v>21</v>
      </c>
    </row>
    <row r="25" spans="1:10" ht="38.25" x14ac:dyDescent="0.25">
      <c r="A25" s="7" t="s">
        <v>10</v>
      </c>
      <c r="B25" s="7" t="s">
        <v>60</v>
      </c>
      <c r="C25" s="7" t="s">
        <v>80</v>
      </c>
      <c r="D25" s="7" t="s">
        <v>81</v>
      </c>
      <c r="E25" s="7" t="s">
        <v>82</v>
      </c>
      <c r="F25" s="7" t="s">
        <v>83</v>
      </c>
      <c r="G25" s="8"/>
      <c r="H25" s="9" t="s">
        <v>16</v>
      </c>
      <c r="I25" s="9" t="s">
        <v>16</v>
      </c>
      <c r="J25" s="7" t="s">
        <v>21</v>
      </c>
    </row>
    <row r="26" spans="1:10" ht="38.25" x14ac:dyDescent="0.25">
      <c r="A26" s="7" t="s">
        <v>10</v>
      </c>
      <c r="B26" s="7" t="s">
        <v>60</v>
      </c>
      <c r="C26" s="7" t="s">
        <v>80</v>
      </c>
      <c r="D26" s="7" t="s">
        <v>84</v>
      </c>
      <c r="E26" s="7" t="s">
        <v>85</v>
      </c>
      <c r="F26" s="7" t="s">
        <v>86</v>
      </c>
      <c r="G26" s="8"/>
      <c r="H26" s="9" t="s">
        <v>16</v>
      </c>
      <c r="I26" s="9" t="s">
        <v>16</v>
      </c>
      <c r="J26" s="7" t="s">
        <v>21</v>
      </c>
    </row>
    <row r="27" spans="1:10" ht="38.25" x14ac:dyDescent="0.25">
      <c r="A27" s="7" t="s">
        <v>10</v>
      </c>
      <c r="B27" s="7" t="s">
        <v>60</v>
      </c>
      <c r="C27" s="7" t="s">
        <v>80</v>
      </c>
      <c r="D27" s="7" t="s">
        <v>87</v>
      </c>
      <c r="E27" s="7" t="s">
        <v>88</v>
      </c>
      <c r="F27" s="7" t="s">
        <v>89</v>
      </c>
      <c r="G27" s="8"/>
      <c r="H27" s="9" t="s">
        <v>16</v>
      </c>
      <c r="I27" s="9" t="s">
        <v>16</v>
      </c>
      <c r="J27" s="7" t="s">
        <v>21</v>
      </c>
    </row>
    <row r="28" spans="1:10" ht="51" x14ac:dyDescent="0.25">
      <c r="A28" s="7" t="s">
        <v>10</v>
      </c>
      <c r="B28" s="7" t="s">
        <v>60</v>
      </c>
      <c r="C28" s="7" t="s">
        <v>90</v>
      </c>
      <c r="D28" s="7" t="s">
        <v>91</v>
      </c>
      <c r="E28" s="7" t="s">
        <v>92</v>
      </c>
      <c r="F28" s="7" t="s">
        <v>93</v>
      </c>
      <c r="G28" s="9" t="s">
        <v>16</v>
      </c>
      <c r="H28" s="8"/>
      <c r="I28" s="8"/>
      <c r="J28" s="7" t="s">
        <v>74</v>
      </c>
    </row>
    <row r="29" spans="1:10" ht="51" x14ac:dyDescent="0.25">
      <c r="A29" s="7" t="s">
        <v>10</v>
      </c>
      <c r="B29" s="7" t="s">
        <v>60</v>
      </c>
      <c r="C29" s="7" t="s">
        <v>90</v>
      </c>
      <c r="D29" s="7" t="s">
        <v>94</v>
      </c>
      <c r="E29" s="7" t="s">
        <v>92</v>
      </c>
      <c r="F29" s="7" t="s">
        <v>95</v>
      </c>
      <c r="G29" s="9" t="s">
        <v>16</v>
      </c>
      <c r="H29" s="8"/>
      <c r="I29" s="8"/>
      <c r="J29" s="7" t="s">
        <v>74</v>
      </c>
    </row>
    <row r="30" spans="1:10" ht="25.5" x14ac:dyDescent="0.25">
      <c r="A30" s="7" t="s">
        <v>10</v>
      </c>
      <c r="B30" s="7" t="s">
        <v>60</v>
      </c>
      <c r="C30" s="7" t="s">
        <v>96</v>
      </c>
      <c r="D30" s="7" t="s">
        <v>97</v>
      </c>
      <c r="E30" s="7" t="s">
        <v>98</v>
      </c>
      <c r="F30" s="7" t="s">
        <v>99</v>
      </c>
      <c r="G30" s="9" t="s">
        <v>16</v>
      </c>
      <c r="H30" s="9" t="s">
        <v>16</v>
      </c>
      <c r="I30" s="9" t="s">
        <v>16</v>
      </c>
      <c r="J30" s="7" t="s">
        <v>21</v>
      </c>
    </row>
    <row r="31" spans="1:10" ht="25.5" x14ac:dyDescent="0.25">
      <c r="A31" s="7" t="s">
        <v>10</v>
      </c>
      <c r="B31" s="7" t="s">
        <v>60</v>
      </c>
      <c r="C31" s="7" t="s">
        <v>96</v>
      </c>
      <c r="D31" s="7" t="s">
        <v>100</v>
      </c>
      <c r="E31" s="7" t="s">
        <v>101</v>
      </c>
      <c r="F31" s="7" t="s">
        <v>102</v>
      </c>
      <c r="G31" s="9" t="s">
        <v>16</v>
      </c>
      <c r="H31" s="8"/>
      <c r="I31" s="8"/>
      <c r="J31" s="7" t="s">
        <v>74</v>
      </c>
    </row>
    <row r="32" spans="1:10" ht="25.5" x14ac:dyDescent="0.25">
      <c r="A32" s="7" t="s">
        <v>10</v>
      </c>
      <c r="B32" s="7" t="s">
        <v>60</v>
      </c>
      <c r="C32" s="7" t="s">
        <v>96</v>
      </c>
      <c r="D32" s="7" t="s">
        <v>103</v>
      </c>
      <c r="E32" s="7" t="s">
        <v>104</v>
      </c>
      <c r="F32" s="7" t="s">
        <v>105</v>
      </c>
      <c r="G32" s="9" t="s">
        <v>16</v>
      </c>
      <c r="H32" s="9" t="s">
        <v>16</v>
      </c>
      <c r="I32" s="9" t="s">
        <v>16</v>
      </c>
      <c r="J32" s="7" t="s">
        <v>21</v>
      </c>
    </row>
    <row r="33" spans="1:10" ht="38.25" x14ac:dyDescent="0.25">
      <c r="A33" s="7" t="s">
        <v>10</v>
      </c>
      <c r="B33" s="7" t="s">
        <v>106</v>
      </c>
      <c r="C33" s="7" t="s">
        <v>107</v>
      </c>
      <c r="D33" s="7" t="s">
        <v>108</v>
      </c>
      <c r="E33" s="7" t="s">
        <v>109</v>
      </c>
      <c r="F33" s="7" t="s">
        <v>110</v>
      </c>
      <c r="G33" s="9" t="s">
        <v>16</v>
      </c>
      <c r="H33" s="8"/>
      <c r="I33" s="8"/>
      <c r="J33" s="7" t="s">
        <v>74</v>
      </c>
    </row>
    <row r="34" spans="1:10" ht="25.5" x14ac:dyDescent="0.25">
      <c r="A34" s="7" t="s">
        <v>10</v>
      </c>
      <c r="B34" s="7" t="s">
        <v>106</v>
      </c>
      <c r="C34" s="7" t="s">
        <v>111</v>
      </c>
      <c r="D34" s="7" t="s">
        <v>112</v>
      </c>
      <c r="E34" s="7" t="s">
        <v>113</v>
      </c>
      <c r="F34" s="7" t="s">
        <v>114</v>
      </c>
      <c r="G34" s="8"/>
      <c r="H34" s="9" t="s">
        <v>16</v>
      </c>
      <c r="I34" s="9" t="s">
        <v>16</v>
      </c>
      <c r="J34" s="7" t="s">
        <v>17</v>
      </c>
    </row>
    <row r="35" spans="1:10" ht="38.25" x14ac:dyDescent="0.25">
      <c r="A35" s="7" t="s">
        <v>10</v>
      </c>
      <c r="B35" s="7" t="s">
        <v>106</v>
      </c>
      <c r="C35" s="7" t="s">
        <v>111</v>
      </c>
      <c r="D35" s="7" t="s">
        <v>115</v>
      </c>
      <c r="E35" s="7" t="s">
        <v>113</v>
      </c>
      <c r="F35" s="7" t="s">
        <v>116</v>
      </c>
      <c r="G35" s="9" t="s">
        <v>16</v>
      </c>
      <c r="H35" s="9" t="s">
        <v>16</v>
      </c>
      <c r="I35" s="9" t="s">
        <v>16</v>
      </c>
      <c r="J35" s="7" t="s">
        <v>21</v>
      </c>
    </row>
    <row r="36" spans="1:10" ht="25.5" x14ac:dyDescent="0.25">
      <c r="A36" s="7" t="s">
        <v>10</v>
      </c>
      <c r="B36" s="7" t="s">
        <v>106</v>
      </c>
      <c r="C36" s="7" t="s">
        <v>117</v>
      </c>
      <c r="D36" s="7" t="s">
        <v>118</v>
      </c>
      <c r="E36" s="7" t="s">
        <v>119</v>
      </c>
      <c r="F36" s="7" t="s">
        <v>120</v>
      </c>
      <c r="G36" s="8"/>
      <c r="H36" s="9" t="s">
        <v>16</v>
      </c>
      <c r="I36" s="9" t="s">
        <v>16</v>
      </c>
      <c r="J36" s="7" t="s">
        <v>17</v>
      </c>
    </row>
    <row r="37" spans="1:10" ht="51" x14ac:dyDescent="0.25">
      <c r="A37" s="7" t="s">
        <v>10</v>
      </c>
      <c r="B37" s="7" t="s">
        <v>106</v>
      </c>
      <c r="C37" s="7" t="s">
        <v>117</v>
      </c>
      <c r="D37" s="7" t="s">
        <v>121</v>
      </c>
      <c r="E37" s="7" t="s">
        <v>122</v>
      </c>
      <c r="F37" s="7" t="s">
        <v>123</v>
      </c>
      <c r="G37" s="8"/>
      <c r="H37" s="9" t="s">
        <v>16</v>
      </c>
      <c r="I37" s="9" t="s">
        <v>16</v>
      </c>
      <c r="J37" s="7" t="s">
        <v>17</v>
      </c>
    </row>
    <row r="38" spans="1:10" ht="38.25" x14ac:dyDescent="0.25">
      <c r="A38" s="7" t="s">
        <v>10</v>
      </c>
      <c r="B38" s="7" t="s">
        <v>106</v>
      </c>
      <c r="C38" s="7" t="s">
        <v>117</v>
      </c>
      <c r="D38" s="7" t="s">
        <v>124</v>
      </c>
      <c r="E38" s="7" t="s">
        <v>32</v>
      </c>
      <c r="F38" s="7" t="s">
        <v>125</v>
      </c>
      <c r="G38" s="8"/>
      <c r="H38" s="9" t="s">
        <v>16</v>
      </c>
      <c r="I38" s="9" t="s">
        <v>16</v>
      </c>
      <c r="J38" s="7" t="s">
        <v>17</v>
      </c>
    </row>
    <row r="39" spans="1:10" ht="38.25" x14ac:dyDescent="0.25">
      <c r="A39" s="7" t="s">
        <v>10</v>
      </c>
      <c r="B39" s="7" t="s">
        <v>106</v>
      </c>
      <c r="C39" s="7" t="s">
        <v>117</v>
      </c>
      <c r="D39" s="7" t="s">
        <v>126</v>
      </c>
      <c r="E39" s="7" t="s">
        <v>127</v>
      </c>
      <c r="F39" s="7" t="s">
        <v>128</v>
      </c>
      <c r="G39" s="8"/>
      <c r="H39" s="9" t="s">
        <v>16</v>
      </c>
      <c r="I39" s="9" t="s">
        <v>16</v>
      </c>
      <c r="J39" s="7" t="s">
        <v>21</v>
      </c>
    </row>
    <row r="40" spans="1:10" ht="63.75" x14ac:dyDescent="0.25">
      <c r="A40" s="7" t="s">
        <v>10</v>
      </c>
      <c r="B40" s="7" t="s">
        <v>129</v>
      </c>
      <c r="C40" s="7" t="s">
        <v>130</v>
      </c>
      <c r="D40" s="7" t="s">
        <v>131</v>
      </c>
      <c r="E40" s="7" t="s">
        <v>132</v>
      </c>
      <c r="F40" s="7" t="s">
        <v>133</v>
      </c>
      <c r="G40" s="8"/>
      <c r="H40" s="9" t="s">
        <v>16</v>
      </c>
      <c r="I40" s="9" t="s">
        <v>16</v>
      </c>
      <c r="J40" s="7" t="s">
        <v>21</v>
      </c>
    </row>
  </sheetData>
  <autoFilter ref="A3:J40" xr:uid="{06E23A3B-ABBE-4A42-9ADA-6109B2CA87E1}"/>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3A9D1BF19C22A248B6F8E3EABC10E12A" ma:contentTypeVersion="21" ma:contentTypeDescription="Create a new document." ma:contentTypeScope="" ma:versionID="14a627a8bf965d52987cf9cd9c4853ef">
  <xsd:schema xmlns:xsd="http://www.w3.org/2001/XMLSchema" xmlns:xs="http://www.w3.org/2001/XMLSchema" xmlns:p="http://schemas.microsoft.com/office/2006/metadata/properties" xmlns:ns2="58dbe026-c2b7-4f74-8c27-82ec413bac0d" xmlns:ns3="9aec8e27-46b6-4dfa-bdad-04f5a9be56ad" targetNamespace="http://schemas.microsoft.com/office/2006/metadata/properties" ma:root="true" ma:fieldsID="9dc8ba93ce16204e591440cc50da9ba5" ns2:_="" ns3:_="">
    <xsd:import namespace="58dbe026-c2b7-4f74-8c27-82ec413bac0d"/>
    <xsd:import namespace="9aec8e27-46b6-4dfa-bdad-04f5a9be56ad"/>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MediaServiceLocation" minOccurs="0"/>
                <xsd:element ref="ns2:lcf76f155ced4ddcb4097134ff3c332f" minOccurs="0"/>
                <xsd:element ref="ns3:TaxCatchAll" minOccurs="0"/>
                <xsd:element ref="ns2:MediaServiceObjectDetectorVersions" minOccurs="0"/>
                <xsd:element ref="ns2:MediaServiceSearchProperties" minOccurs="0"/>
                <xsd:element ref="ns2: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8dbe026-c2b7-4f74-8c27-82ec413bac0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Status" ma:index="26" nillable="true" ma:displayName="Status" ma:format="Dropdown" ma:internalName="Status">
      <xsd:simpleType>
        <xsd:restriction base="dms:Choice">
          <xsd:enumeration value="Choice 1"/>
          <xsd:enumeration value="Choice 2"/>
          <xsd:enumeration value="Choice 3"/>
        </xsd:restriction>
      </xsd:simpleType>
    </xsd:element>
  </xsd:schema>
  <xsd:schema xmlns:xsd="http://www.w3.org/2001/XMLSchema" xmlns:xs="http://www.w3.org/2001/XMLSchema" xmlns:dms="http://schemas.microsoft.com/office/2006/documentManagement/types" xmlns:pc="http://schemas.microsoft.com/office/infopath/2007/PartnerControls" targetNamespace="9aec8e27-46b6-4dfa-bdad-04f5a9be56ad"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fcc39592-ef68-4546-bc18-5dcab7082b61}" ma:internalName="TaxCatchAll" ma:showField="CatchAllData" ma:web="9aec8e27-46b6-4dfa-bdad-04f5a9be56a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transformationConfigurations":[],"templateName":"blankspreadshee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58dbe026-c2b7-4f74-8c27-82ec413bac0d">
      <Terms xmlns="http://schemas.microsoft.com/office/infopath/2007/PartnerControls"/>
    </lcf76f155ced4ddcb4097134ff3c332f>
    <Status xmlns="58dbe026-c2b7-4f74-8c27-82ec413bac0d" xsi:nil="true"/>
    <TaxCatchAll xmlns="9aec8e27-46b6-4dfa-bdad-04f5a9be56ad" xsi:nil="true"/>
  </documentManagement>
</p:properties>
</file>

<file path=customXml/itemProps1.xml><?xml version="1.0" encoding="utf-8"?>
<ds:datastoreItem xmlns:ds="http://schemas.openxmlformats.org/officeDocument/2006/customXml" ds:itemID="{5DCAB96E-0BB7-4474-9497-45AA81A0CA86}">
  <ds:schemaRefs>
    <ds:schemaRef ds:uri="http://schemas.microsoft.com/sharepoint/v3/contenttype/forms"/>
  </ds:schemaRefs>
</ds:datastoreItem>
</file>

<file path=customXml/itemProps2.xml><?xml version="1.0" encoding="utf-8"?>
<ds:datastoreItem xmlns:ds="http://schemas.openxmlformats.org/officeDocument/2006/customXml" ds:itemID="{03EBD30D-9521-4220-BAFE-64C935983A7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8dbe026-c2b7-4f74-8c27-82ec413bac0d"/>
    <ds:schemaRef ds:uri="9aec8e27-46b6-4dfa-bdad-04f5a9be56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DFA1199-02A2-461F-8066-D6962066D025}">
  <ds:schemaRefs/>
</ds:datastoreItem>
</file>

<file path=customXml/itemProps4.xml><?xml version="1.0" encoding="utf-8"?>
<ds:datastoreItem xmlns:ds="http://schemas.openxmlformats.org/officeDocument/2006/customXml" ds:itemID="{75E60E42-195C-47C7-9E39-8C6B7BF8C146}">
  <ds:schemaRefs/>
</ds:datastoreItem>
</file>

<file path=customXml/itemProps5.xml><?xml version="1.0" encoding="utf-8"?>
<ds:datastoreItem xmlns:ds="http://schemas.openxmlformats.org/officeDocument/2006/customXml" ds:itemID="{04B826B5-90A9-443B-8108-5659C3658AD2}">
  <ds:schemaRefs>
    <ds:schemaRef ds:uri="http://schemas.microsoft.com/office/2006/metadata/properties"/>
    <ds:schemaRef ds:uri="http://schemas.microsoft.com/office/infopath/2007/PartnerControls"/>
    <ds:schemaRef ds:uri="58dbe026-c2b7-4f74-8c27-82ec413bac0d"/>
    <ds:schemaRef ds:uri="9aec8e27-46b6-4dfa-bdad-04f5a9be56ad"/>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4</vt:i4>
      </vt:variant>
      <vt:variant>
        <vt:lpstr>Named Ranges</vt:lpstr>
      </vt:variant>
      <vt:variant>
        <vt:i4>2</vt:i4>
      </vt:variant>
    </vt:vector>
  </HeadingPairs>
  <TitlesOfParts>
    <vt:vector size="6" baseType="lpstr">
      <vt:lpstr>Cover</vt:lpstr>
      <vt:lpstr>Functional Assessment Criteria</vt:lpstr>
      <vt:lpstr>Migration Assessment Criteria</vt:lpstr>
      <vt:lpstr>NFR Assessment Criteria</vt:lpstr>
      <vt:lpstr>Cover!_ftn1</vt:lpstr>
      <vt:lpstr>Cover!_ftnref1</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Sharma, Vaishnavi Y</dc:creator>
  <cp:lastModifiedBy>Sharma, Vaishnavi Y</cp:lastModifiedBy>
  <dcterms:created xsi:type="dcterms:W3CDTF">2024-03-15T11:33:21Z</dcterms:created>
  <dcterms:modified xsi:type="dcterms:W3CDTF">2024-03-26T13:44:4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eloittense</vt:lpwstr>
  </property>
  <property fmtid="{D5CDD505-2E9C-101B-9397-08002B2CF9AE}" pid="3" name="TemplafyTemplateId">
    <vt:lpwstr>638049558577128707</vt:lpwstr>
  </property>
  <property fmtid="{D5CDD505-2E9C-101B-9397-08002B2CF9AE}" pid="4" name="TemplafyUserProfileId">
    <vt:lpwstr>638235347384927181</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MSIP_Label_ea60d57e-af5b-4752-ac57-3e4f28ca11dc_Enabled">
    <vt:lpwstr>true</vt:lpwstr>
  </property>
  <property fmtid="{D5CDD505-2E9C-101B-9397-08002B2CF9AE}" pid="8" name="MSIP_Label_ea60d57e-af5b-4752-ac57-3e4f28ca11dc_SetDate">
    <vt:lpwstr>2024-03-17T14:06:15Z</vt:lpwstr>
  </property>
  <property fmtid="{D5CDD505-2E9C-101B-9397-08002B2CF9AE}" pid="9" name="MSIP_Label_ea60d57e-af5b-4752-ac57-3e4f28ca11dc_Method">
    <vt:lpwstr>Standard</vt:lpwstr>
  </property>
  <property fmtid="{D5CDD505-2E9C-101B-9397-08002B2CF9AE}" pid="10" name="MSIP_Label_ea60d57e-af5b-4752-ac57-3e4f28ca11dc_Name">
    <vt:lpwstr>ea60d57e-af5b-4752-ac57-3e4f28ca11dc</vt:lpwstr>
  </property>
  <property fmtid="{D5CDD505-2E9C-101B-9397-08002B2CF9AE}" pid="11" name="MSIP_Label_ea60d57e-af5b-4752-ac57-3e4f28ca11dc_SiteId">
    <vt:lpwstr>36da45f1-dd2c-4d1f-af13-5abe46b99921</vt:lpwstr>
  </property>
  <property fmtid="{D5CDD505-2E9C-101B-9397-08002B2CF9AE}" pid="12" name="MSIP_Label_ea60d57e-af5b-4752-ac57-3e4f28ca11dc_ActionId">
    <vt:lpwstr>577865f9-3741-4b45-8c5d-d0767e01dbae</vt:lpwstr>
  </property>
  <property fmtid="{D5CDD505-2E9C-101B-9397-08002B2CF9AE}" pid="13" name="MSIP_Label_ea60d57e-af5b-4752-ac57-3e4f28ca11dc_ContentBits">
    <vt:lpwstr>0</vt:lpwstr>
  </property>
  <property fmtid="{D5CDD505-2E9C-101B-9397-08002B2CF9AE}" pid="14" name="ContentTypeId">
    <vt:lpwstr>0x0101003A9D1BF19C22A248B6F8E3EABC10E12A</vt:lpwstr>
  </property>
</Properties>
</file>